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2tuika\01shiryoshuku\"/>
    </mc:Choice>
  </mc:AlternateContent>
  <bookViews>
    <workbookView xWindow="3168" yWindow="1704" windowWidth="11436" windowHeight="11004" tabRatio="959"/>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BE36" i="10"/>
  <c r="AM36" i="10"/>
  <c r="C36" i="10"/>
  <c r="BE35" i="10"/>
  <c r="AM35" i="10"/>
  <c r="C35" i="10"/>
  <c r="CO34" i="10"/>
  <c r="CO35" i="10" s="1"/>
  <c r="CO36" i="10" s="1"/>
  <c r="BW34" i="10"/>
  <c r="BW35" i="10" s="1"/>
  <c r="BW36" i="10" s="1"/>
  <c r="BW37" i="10" s="1"/>
  <c r="BW38" i="10" s="1"/>
  <c r="BE34" i="10"/>
  <c r="AM34" i="10"/>
  <c r="C34" i="10"/>
  <c r="U34" i="10" s="1"/>
  <c r="U35" i="10" s="1"/>
  <c r="U36" i="10" s="1"/>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2" uniqueCount="59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2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2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2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元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元年度(千円)</t>
    <rPh sb="0" eb="2">
      <t>レイワ</t>
    </rPh>
    <rPh sb="2" eb="3">
      <t>ガン</t>
    </rPh>
    <rPh sb="3" eb="5">
      <t>ネンド</t>
    </rPh>
    <rPh sb="6" eb="8">
      <t>センエン</t>
    </rPh>
    <phoneticPr fontId="5"/>
  </si>
  <si>
    <t>平成30年度(千円)</t>
    <rPh sb="0" eb="2">
      <t>ヘイセイ</t>
    </rPh>
    <rPh sb="4" eb="6">
      <t>ネンド</t>
    </rPh>
    <phoneticPr fontId="5"/>
  </si>
  <si>
    <t>令和元年度(千円･％)</t>
    <rPh sb="0" eb="2">
      <t>レイワ</t>
    </rPh>
    <rPh sb="2" eb="3">
      <t>ガン</t>
    </rPh>
    <rPh sb="3" eb="5">
      <t>ネンド</t>
    </rPh>
    <rPh sb="6" eb="8">
      <t>センエン</t>
    </rPh>
    <phoneticPr fontId="5"/>
  </si>
  <si>
    <t>平成30年度(千円･％)</t>
    <rPh sb="0" eb="2">
      <t>ヘイセイ</t>
    </rPh>
    <rPh sb="4" eb="6">
      <t>ネンド</t>
    </rPh>
    <rPh sb="7" eb="9">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新宿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平成27年国調(人)</t>
    <rPh sb="0" eb="2">
      <t>ヘイセイ</t>
    </rPh>
    <rPh sb="4" eb="5">
      <t>ネン</t>
    </rPh>
    <rPh sb="5" eb="6">
      <t>コク</t>
    </rPh>
    <rPh sb="6" eb="7">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2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2.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2.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平31.01.01(人)</t>
    <rPh sb="0" eb="1">
      <t>ヘイ</t>
    </rPh>
    <phoneticPr fontId="5"/>
  </si>
  <si>
    <t>　将来負担比率</t>
    <rPh sb="1" eb="3">
      <t>ショウライ</t>
    </rPh>
    <rPh sb="3" eb="5">
      <t>フタン</t>
    </rPh>
    <rPh sb="5" eb="7">
      <t>ヒリツ</t>
    </rPh>
    <phoneticPr fontId="5"/>
  </si>
  <si>
    <t>-</t>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7</t>
    <phoneticPr fontId="5"/>
  </si>
  <si>
    <t>基準財政需要額</t>
    <phoneticPr fontId="25"/>
  </si>
  <si>
    <t>うち日本人(％)</t>
    <phoneticPr fontId="5"/>
  </si>
  <si>
    <t>0.9</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t>
    <phoneticPr fontId="5"/>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元年度</t>
    <phoneticPr fontId="25"/>
  </si>
  <si>
    <t>東京都新宿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地方特例交付金等</t>
    <rPh sb="7" eb="8">
      <t>トウ</t>
    </rPh>
    <phoneticPr fontId="16"/>
  </si>
  <si>
    <t>　　特別土地保有税</t>
    <phoneticPr fontId="5"/>
  </si>
  <si>
    <t>公債費</t>
  </si>
  <si>
    <t>　個人住民税減収補塡特例交付金</t>
    <phoneticPr fontId="5"/>
  </si>
  <si>
    <t>　法定外普通税</t>
    <phoneticPr fontId="5"/>
  </si>
  <si>
    <t>諸支出金</t>
    <rPh sb="3" eb="4">
      <t>キン</t>
    </rPh>
    <phoneticPr fontId="25"/>
  </si>
  <si>
    <t>　自動車税減収補塡特例交付金</t>
    <rPh sb="7" eb="9">
      <t>ホテン</t>
    </rPh>
    <rPh sb="13" eb="14">
      <t>キン</t>
    </rPh>
    <phoneticPr fontId="29"/>
  </si>
  <si>
    <t>目的税</t>
  </si>
  <si>
    <t>前年度繰上充用金</t>
    <phoneticPr fontId="5"/>
  </si>
  <si>
    <t>　軽自動車税減収補塡特例交付金</t>
    <rPh sb="8" eb="10">
      <t>ホテン</t>
    </rPh>
    <phoneticPr fontId="29"/>
  </si>
  <si>
    <t>　法定目的税</t>
    <phoneticPr fontId="5"/>
  </si>
  <si>
    <t>歳出合計</t>
  </si>
  <si>
    <t>　子ども・子育て支援臨時交付金</t>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元年度</t>
    <rPh sb="0" eb="2">
      <t>レイワ</t>
    </rPh>
    <rPh sb="2" eb="3">
      <t>ガン</t>
    </rPh>
    <rPh sb="3" eb="5">
      <t>ネンド</t>
    </rPh>
    <phoneticPr fontId="5"/>
  </si>
  <si>
    <t>平成30年度</t>
    <rPh sb="0" eb="2">
      <t>ヘイセイ</t>
    </rPh>
    <rPh sb="4" eb="6">
      <t>ネン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臨時財政対策債</t>
    <phoneticPr fontId="5"/>
  </si>
  <si>
    <t>国民健康保険</t>
    <phoneticPr fontId="5"/>
  </si>
  <si>
    <t>国庫支出金</t>
    <phoneticPr fontId="5"/>
  </si>
  <si>
    <t>　前年度繰上充用金</t>
    <phoneticPr fontId="5"/>
  </si>
  <si>
    <t>歳入合計</t>
    <phoneticPr fontId="5"/>
  </si>
  <si>
    <t>その他</t>
    <phoneticPr fontId="5"/>
  </si>
  <si>
    <t>保険給付費</t>
    <phoneticPr fontId="5"/>
  </si>
  <si>
    <t>投資的経費計</t>
    <rPh sb="5" eb="6">
      <t>ケイ</t>
    </rPh>
    <phoneticPr fontId="5"/>
  </si>
  <si>
    <t>　　うち人件費</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元年度</t>
  </si>
  <si>
    <t>東京都新宿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特別会計</t>
    <phoneticPr fontId="5"/>
  </si>
  <si>
    <t>後期高齢者医療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29年度</t>
    <rPh sb="0" eb="2">
      <t>ヘイセイ</t>
    </rPh>
    <rPh sb="4" eb="6">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元年度</t>
    <rPh sb="0" eb="3">
      <t>レイワガン</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2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7</t>
  </si>
  <si>
    <t>うち単独分</t>
    <rPh sb="2" eb="4">
      <t>タンドク</t>
    </rPh>
    <rPh sb="4" eb="5">
      <t>ブン</t>
    </rPh>
    <phoneticPr fontId="5"/>
  </si>
  <si>
    <t xml:space="preserve"> H28</t>
  </si>
  <si>
    <t xml:space="preserve"> H29</t>
  </si>
  <si>
    <t xml:space="preserve"> H30</t>
  </si>
  <si>
    <t xml:space="preserve"> R01</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H27</t>
  </si>
  <si>
    <t>H28</t>
  </si>
  <si>
    <t>H29</t>
  </si>
  <si>
    <t>H30</t>
  </si>
  <si>
    <t>R01</t>
  </si>
  <si>
    <t>一般会計</t>
  </si>
  <si>
    <t>国民健康保険特別会計</t>
  </si>
  <si>
    <t>介護保険特別会計</t>
  </si>
  <si>
    <t>後期高齢者医療特別会計</t>
  </si>
  <si>
    <t>その他会計（赤字）</t>
  </si>
  <si>
    <t>その他会計（黒字）</t>
  </si>
  <si>
    <t>（百万円）</t>
    <phoneticPr fontId="5"/>
  </si>
  <si>
    <t>H26末</t>
    <phoneticPr fontId="5"/>
  </si>
  <si>
    <t>H27末</t>
    <phoneticPr fontId="5"/>
  </si>
  <si>
    <t>H28末</t>
    <phoneticPr fontId="5"/>
  </si>
  <si>
    <t>H29末</t>
    <phoneticPr fontId="5"/>
  </si>
  <si>
    <t>H30末</t>
    <phoneticPr fontId="5"/>
  </si>
  <si>
    <t>-</t>
    <phoneticPr fontId="2"/>
  </si>
  <si>
    <t>特別区人事・厚生事務組合</t>
  </si>
  <si>
    <t>特別区競馬組合</t>
  </si>
  <si>
    <t>東京二十三区清掃一部事務組合</t>
  </si>
  <si>
    <t>東京都後期高齢者医療広域連合（一般会計）</t>
  </si>
  <si>
    <t>東京都後期高齢者医療広域連合（後期高齢者医療特別会計）</t>
    <phoneticPr fontId="2"/>
  </si>
  <si>
    <t>法適用</t>
    <rPh sb="0" eb="1">
      <t>ホウ</t>
    </rPh>
    <rPh sb="1" eb="3">
      <t>テキヨウ</t>
    </rPh>
    <phoneticPr fontId="2"/>
  </si>
  <si>
    <t>新宿未来創造財団</t>
  </si>
  <si>
    <t>新宿区土地開発公社</t>
  </si>
  <si>
    <t>新宿区勤労者・仕事支援センター</t>
  </si>
  <si>
    <t>〇</t>
    <phoneticPr fontId="2"/>
  </si>
  <si>
    <t>社会資本等整備基金</t>
    <rPh sb="0" eb="2">
      <t>シャカイ</t>
    </rPh>
    <rPh sb="2" eb="4">
      <t>シホン</t>
    </rPh>
    <rPh sb="4" eb="5">
      <t>トウ</t>
    </rPh>
    <rPh sb="5" eb="7">
      <t>セイビ</t>
    </rPh>
    <rPh sb="7" eb="9">
      <t>キキン</t>
    </rPh>
    <phoneticPr fontId="2"/>
  </si>
  <si>
    <t>義務教育施設整備等次世代育成基金</t>
  </si>
  <si>
    <t>高齢者福祉活動基金</t>
    <rPh sb="0" eb="3">
      <t>コウレイシャ</t>
    </rPh>
    <rPh sb="3" eb="5">
      <t>フクシ</t>
    </rPh>
    <rPh sb="5" eb="7">
      <t>カツドウ</t>
    </rPh>
    <rPh sb="7" eb="9">
      <t>キキン</t>
    </rPh>
    <phoneticPr fontId="2"/>
  </si>
  <si>
    <t>障害者福祉活動基金</t>
    <rPh sb="0" eb="3">
      <t>ショウガイシャ</t>
    </rPh>
    <rPh sb="3" eb="5">
      <t>フクシ</t>
    </rPh>
    <rPh sb="5" eb="7">
      <t>カツドウ</t>
    </rPh>
    <rPh sb="7" eb="9">
      <t>キキン</t>
    </rPh>
    <phoneticPr fontId="2"/>
  </si>
  <si>
    <t>みどり公園基金</t>
    <rPh sb="3" eb="5">
      <t>コウエン</t>
    </rPh>
    <rPh sb="5" eb="7">
      <t>キキン</t>
    </rPh>
    <phoneticPr fontId="2"/>
  </si>
  <si>
    <t>‐</t>
  </si>
  <si>
    <t>‐</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将来負担比率はないが、有形固定資産減価償却率は類似団体よりも高く、供用開始後30年を経過している施設が多いことから、修繕及び建替費用の増加が見込まれる。引き続き、公共施設等総合管理計画に基づき、財政負担の平準化と軽減に取り組んで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はなく、実質公債費比率は類似団体と比較して低い水準にあるため、引き続き低水準の維持に努める。</t>
    <rPh sb="0" eb="2">
      <t>ショウライ</t>
    </rPh>
    <rPh sb="2" eb="4">
      <t>フタン</t>
    </rPh>
    <rPh sb="4" eb="6">
      <t>ヒリツ</t>
    </rPh>
    <rPh sb="10" eb="12">
      <t>ジッシツ</t>
    </rPh>
    <rPh sb="12" eb="15">
      <t>コウサイヒ</t>
    </rPh>
    <rPh sb="15" eb="17">
      <t>ヒリツ</t>
    </rPh>
    <rPh sb="18" eb="20">
      <t>ルイジ</t>
    </rPh>
    <rPh sb="20" eb="22">
      <t>ダンタイ</t>
    </rPh>
    <rPh sb="23" eb="25">
      <t>ヒカク</t>
    </rPh>
    <rPh sb="27" eb="28">
      <t>ヒク</t>
    </rPh>
    <rPh sb="29" eb="31">
      <t>スイジュン</t>
    </rPh>
    <rPh sb="37" eb="38">
      <t>ヒ</t>
    </rPh>
    <rPh sb="39" eb="40">
      <t>ツヅ</t>
    </rPh>
    <rPh sb="41" eb="44">
      <t>テイスイジュン</t>
    </rPh>
    <rPh sb="45" eb="47">
      <t>イジ</t>
    </rPh>
    <rPh sb="48" eb="49">
      <t>ツト</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Border="1" applyAlignment="1">
      <alignment horizontal="center" vertical="center"/>
    </xf>
    <xf numFmtId="0" fontId="24" fillId="0" borderId="0" xfId="11" applyFont="1" applyBorder="1">
      <alignment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03" xfId="12" applyNumberFormat="1" applyFont="1" applyBorder="1" applyAlignment="1" applyProtection="1">
      <alignment horizontal="right" vertical="center" shrinkToFit="1"/>
      <protection locked="0"/>
    </xf>
    <xf numFmtId="177" fontId="34" fillId="0" borderId="99" xfId="12" applyNumberFormat="1" applyFont="1" applyBorder="1" applyAlignment="1" applyProtection="1">
      <alignment horizontal="right" vertical="center" shrinkToFit="1"/>
      <protection locked="0"/>
    </xf>
    <xf numFmtId="177" fontId="34" fillId="0" borderId="107" xfId="12" applyNumberFormat="1" applyFont="1" applyBorder="1" applyAlignment="1" applyProtection="1">
      <alignment horizontal="right" vertical="center" shrinkToFit="1"/>
      <protection locked="0"/>
    </xf>
    <xf numFmtId="187" fontId="34" fillId="0" borderId="103" xfId="12" applyNumberFormat="1" applyFont="1" applyBorder="1" applyAlignment="1" applyProtection="1">
      <alignment horizontal="right" vertical="center" shrinkToFit="1"/>
      <protection locked="0"/>
    </xf>
    <xf numFmtId="187" fontId="34" fillId="0" borderId="99" xfId="12" applyNumberFormat="1" applyFont="1" applyBorder="1" applyAlignment="1" applyProtection="1">
      <alignment horizontal="right" vertical="center" shrinkToFit="1"/>
      <protection locked="0"/>
    </xf>
    <xf numFmtId="187" fontId="34" fillId="0" borderId="10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87" fontId="34" fillId="0" borderId="117" xfId="12" applyNumberFormat="1" applyFont="1" applyBorder="1" applyAlignment="1" applyProtection="1">
      <alignment horizontal="right" vertical="center" shrinkToFit="1"/>
      <protection locked="0"/>
    </xf>
    <xf numFmtId="187" fontId="34" fillId="0" borderId="113" xfId="12" applyNumberFormat="1" applyFont="1" applyBorder="1" applyAlignment="1" applyProtection="1">
      <alignment horizontal="right" vertical="center" shrinkToFit="1"/>
      <protection locked="0"/>
    </xf>
    <xf numFmtId="187" fontId="34" fillId="0" borderId="120"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8" fontId="17" fillId="0" borderId="39" xfId="16" applyNumberFormat="1" applyFont="1" applyFill="1" applyBorder="1" applyAlignment="1">
      <alignment vertical="center"/>
    </xf>
    <xf numFmtId="178" fontId="17" fillId="0" borderId="31" xfId="16" applyNumberFormat="1" applyFont="1" applyFill="1" applyBorder="1" applyAlignment="1">
      <alignment vertical="center"/>
    </xf>
    <xf numFmtId="178" fontId="17"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xf>
    <xf numFmtId="179" fontId="1" fillId="6" borderId="34" xfId="17" applyNumberFormat="1" applyFont="1" applyFill="1" applyBorder="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79" fontId="1" fillId="6" borderId="0" xfId="17" applyNumberFormat="1" applyFont="1" applyFill="1" applyAlignment="1">
      <alignment horizontal="center" vertical="center" wrapText="1"/>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8" Type="http://schemas.openxmlformats.org/officeDocument/2006/relationships/worksheet" Target="worksheets/sheet8.xml"/>
<Relationship Id="rId13" Type="http://schemas.openxmlformats.org/officeDocument/2006/relationships/worksheet" Target="worksheets/sheet13.xml"/>
<Relationship Id="rId18" Type="http://schemas.openxmlformats.org/officeDocument/2006/relationships/theme" Target="theme/theme1.xml"/>
<Relationship Id="rId3" Type="http://schemas.openxmlformats.org/officeDocument/2006/relationships/worksheet" Target="worksheets/sheet3.xml"/>
<Relationship Id="rId21" Type="http://schemas.openxmlformats.org/officeDocument/2006/relationships/calcChain" Target="calcChain.xml"/>
<Relationship Id="rId7" Type="http://schemas.openxmlformats.org/officeDocument/2006/relationships/worksheet" Target="worksheets/sheet7.xml"/>
<Relationship Id="rId12" Type="http://schemas.openxmlformats.org/officeDocument/2006/relationships/worksheet" Target="worksheets/sheet12.xml"/>
<Relationship Id="rId17" Type="http://schemas.openxmlformats.org/officeDocument/2006/relationships/worksheet" Target="worksheets/sheet17.xml"/>
<Relationship Id="rId2" Type="http://schemas.openxmlformats.org/officeDocument/2006/relationships/worksheet" Target="worksheets/sheet2.xml"/>
<Relationship Id="rId16" Type="http://schemas.openxmlformats.org/officeDocument/2006/relationships/worksheet" Target="worksheets/sheet16.xml"/>
<Relationship Id="rId20" Type="http://schemas.openxmlformats.org/officeDocument/2006/relationships/sharedStrings" Target="sharedStrings.xml"/>
<Relationship Id="rId1" Type="http://schemas.openxmlformats.org/officeDocument/2006/relationships/worksheet" Target="worksheets/sheet1.xml"/>
<Relationship Id="rId6" Type="http://schemas.openxmlformats.org/officeDocument/2006/relationships/worksheet" Target="worksheets/sheet6.xml"/>
<Relationship Id="rId11" Type="http://schemas.openxmlformats.org/officeDocument/2006/relationships/worksheet" Target="worksheets/sheet11.xml"/>
<Relationship Id="rId5" Type="http://schemas.openxmlformats.org/officeDocument/2006/relationships/worksheet" Target="worksheets/sheet5.xml"/>
<Relationship Id="rId15" Type="http://schemas.openxmlformats.org/officeDocument/2006/relationships/worksheet" Target="worksheets/sheet15.xml"/>
<Relationship Id="rId10" Type="http://schemas.openxmlformats.org/officeDocument/2006/relationships/worksheet" Target="worksheets/sheet10.xml"/>
<Relationship Id="rId19" Type="http://schemas.openxmlformats.org/officeDocument/2006/relationships/styles" Target="styles.xml"/>
<Relationship Id="rId4" Type="http://schemas.openxmlformats.org/officeDocument/2006/relationships/worksheet" Target="worksheets/sheet4.xml"/>
<Relationship Id="rId9" Type="http://schemas.openxmlformats.org/officeDocument/2006/relationships/worksheet" Target="worksheets/sheet9.xml"/>
<Relationship Id="rId14" Type="http://schemas.openxmlformats.org/officeDocument/2006/relationships/worksheet" Target="worksheets/sheet14.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F$3,データシート!$F$5,データシート!$F$7,データシート!$F$9,データシート!$F$11)</c:f>
              <c:numCache>
                <c:formatCode>#,##0;"△ "#,##0</c:formatCode>
                <c:ptCount val="5"/>
                <c:pt idx="0">
                  <c:v>43773</c:v>
                </c:pt>
                <c:pt idx="1">
                  <c:v>51565</c:v>
                </c:pt>
                <c:pt idx="2">
                  <c:v>46686</c:v>
                </c:pt>
                <c:pt idx="3">
                  <c:v>49796</c:v>
                </c:pt>
                <c:pt idx="4">
                  <c:v>51681</c:v>
                </c:pt>
              </c:numCache>
            </c:numRef>
          </c:val>
          <c:smooth val="0"/>
          <c:extLst>
            <c:ext xmlns:c16="http://schemas.microsoft.com/office/drawing/2014/chart" uri="{C3380CC4-5D6E-409C-BE32-E72D297353CC}">
              <c16:uniqueId val="{00000000-F419-4F0B-B8E6-CC77040451D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7</c:v>
                </c:pt>
                <c:pt idx="1">
                  <c:v> H28</c:v>
                </c:pt>
                <c:pt idx="2">
                  <c:v> H29</c:v>
                </c:pt>
                <c:pt idx="3">
                  <c:v> H30</c:v>
                </c:pt>
                <c:pt idx="4">
                  <c:v> R01</c:v>
                </c:pt>
              </c:strCache>
            </c:strRef>
          </c:cat>
          <c:val>
            <c:numRef>
              <c:f>(データシート!$D$3,データシート!$D$5,データシート!$D$7,データシート!$D$9,データシート!$D$11)</c:f>
              <c:numCache>
                <c:formatCode>#,##0;"△ "#,##0</c:formatCode>
                <c:ptCount val="5"/>
                <c:pt idx="0">
                  <c:v>43271</c:v>
                </c:pt>
                <c:pt idx="1">
                  <c:v>35306</c:v>
                </c:pt>
                <c:pt idx="2">
                  <c:v>26277</c:v>
                </c:pt>
                <c:pt idx="3">
                  <c:v>25924</c:v>
                </c:pt>
                <c:pt idx="4">
                  <c:v>29453</c:v>
                </c:pt>
              </c:numCache>
            </c:numRef>
          </c:val>
          <c:smooth val="0"/>
          <c:extLst>
            <c:ext xmlns:c16="http://schemas.microsoft.com/office/drawing/2014/chart" uri="{C3380CC4-5D6E-409C-BE32-E72D297353CC}">
              <c16:uniqueId val="{00000001-F419-4F0B-B8E6-CC77040451D9}"/>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19:$F$19</c:f>
              <c:numCache>
                <c:formatCode>General</c:formatCode>
                <c:ptCount val="5"/>
                <c:pt idx="0">
                  <c:v>5.07</c:v>
                </c:pt>
                <c:pt idx="1">
                  <c:v>4.09</c:v>
                </c:pt>
                <c:pt idx="2">
                  <c:v>6.48</c:v>
                </c:pt>
                <c:pt idx="3">
                  <c:v>4.49</c:v>
                </c:pt>
                <c:pt idx="4">
                  <c:v>3.77</c:v>
                </c:pt>
              </c:numCache>
            </c:numRef>
          </c:val>
          <c:extLst>
            <c:ext xmlns:c16="http://schemas.microsoft.com/office/drawing/2014/chart" uri="{C3380CC4-5D6E-409C-BE32-E72D297353CC}">
              <c16:uniqueId val="{00000000-D98C-412D-833C-AA50061A63A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7</c:v>
                </c:pt>
                <c:pt idx="1">
                  <c:v>H28</c:v>
                </c:pt>
                <c:pt idx="2">
                  <c:v>H29</c:v>
                </c:pt>
                <c:pt idx="3">
                  <c:v>H30</c:v>
                </c:pt>
                <c:pt idx="4">
                  <c:v>R01</c:v>
                </c:pt>
              </c:strCache>
            </c:strRef>
          </c:cat>
          <c:val>
            <c:numRef>
              <c:f>データシート!$B$20:$F$20</c:f>
              <c:numCache>
                <c:formatCode>General</c:formatCode>
                <c:ptCount val="5"/>
                <c:pt idx="0">
                  <c:v>27.05</c:v>
                </c:pt>
                <c:pt idx="1">
                  <c:v>29.4</c:v>
                </c:pt>
                <c:pt idx="2">
                  <c:v>32.68</c:v>
                </c:pt>
                <c:pt idx="3">
                  <c:v>34.96</c:v>
                </c:pt>
                <c:pt idx="4">
                  <c:v>35.99</c:v>
                </c:pt>
              </c:numCache>
            </c:numRef>
          </c:val>
          <c:extLst>
            <c:ext xmlns:c16="http://schemas.microsoft.com/office/drawing/2014/chart" uri="{C3380CC4-5D6E-409C-BE32-E72D297353CC}">
              <c16:uniqueId val="{00000001-D98C-412D-833C-AA50061A63A8}"/>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7</c:v>
                </c:pt>
                <c:pt idx="1">
                  <c:v>H28</c:v>
                </c:pt>
                <c:pt idx="2">
                  <c:v>H29</c:v>
                </c:pt>
                <c:pt idx="3">
                  <c:v>H30</c:v>
                </c:pt>
                <c:pt idx="4">
                  <c:v>R01</c:v>
                </c:pt>
              </c:strCache>
            </c:strRef>
          </c:cat>
          <c:val>
            <c:numRef>
              <c:f>データシート!$B$21:$F$21</c:f>
              <c:numCache>
                <c:formatCode>General</c:formatCode>
                <c:ptCount val="5"/>
                <c:pt idx="0">
                  <c:v>3.21</c:v>
                </c:pt>
                <c:pt idx="1">
                  <c:v>2.0299999999999998</c:v>
                </c:pt>
                <c:pt idx="2">
                  <c:v>4.8099999999999996</c:v>
                </c:pt>
                <c:pt idx="3">
                  <c:v>1.81</c:v>
                </c:pt>
                <c:pt idx="4">
                  <c:v>2.0299999999999998</c:v>
                </c:pt>
              </c:numCache>
            </c:numRef>
          </c:val>
          <c:smooth val="0"/>
          <c:extLst>
            <c:ext xmlns:c16="http://schemas.microsoft.com/office/drawing/2014/chart" uri="{C3380CC4-5D6E-409C-BE32-E72D297353CC}">
              <c16:uniqueId val="{00000002-D98C-412D-833C-AA50061A63A8}"/>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E433-4FD0-A5B3-232B29CEF356}"/>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E433-4FD0-A5B3-232B29CEF356}"/>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E433-4FD0-A5B3-232B29CEF356}"/>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E433-4FD0-A5B3-232B29CEF356}"/>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E433-4FD0-A5B3-232B29CEF356}"/>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E433-4FD0-A5B3-232B29CEF356}"/>
            </c:ext>
          </c:extLst>
        </c:ser>
        <c:ser>
          <c:idx val="6"/>
          <c:order val="6"/>
          <c:tx>
            <c:strRef>
              <c:f>データシート!$A$33</c:f>
              <c:strCache>
                <c:ptCount val="1"/>
                <c:pt idx="0">
                  <c:v>後期高齢者医療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3:$K$33</c:f>
              <c:numCache>
                <c:formatCode>General</c:formatCode>
                <c:ptCount val="10"/>
                <c:pt idx="0">
                  <c:v>#N/A</c:v>
                </c:pt>
                <c:pt idx="1">
                  <c:v>0.03</c:v>
                </c:pt>
                <c:pt idx="2">
                  <c:v>#N/A</c:v>
                </c:pt>
                <c:pt idx="3">
                  <c:v>0.04</c:v>
                </c:pt>
                <c:pt idx="4">
                  <c:v>#N/A</c:v>
                </c:pt>
                <c:pt idx="5">
                  <c:v>0.04</c:v>
                </c:pt>
                <c:pt idx="6">
                  <c:v>#N/A</c:v>
                </c:pt>
                <c:pt idx="7">
                  <c:v>0.03</c:v>
                </c:pt>
                <c:pt idx="8">
                  <c:v>#N/A</c:v>
                </c:pt>
                <c:pt idx="9">
                  <c:v>0.04</c:v>
                </c:pt>
              </c:numCache>
            </c:numRef>
          </c:val>
          <c:extLst>
            <c:ext xmlns:c16="http://schemas.microsoft.com/office/drawing/2014/chart" uri="{C3380CC4-5D6E-409C-BE32-E72D297353CC}">
              <c16:uniqueId val="{00000006-E433-4FD0-A5B3-232B29CEF356}"/>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4:$K$34</c:f>
              <c:numCache>
                <c:formatCode>General</c:formatCode>
                <c:ptCount val="10"/>
                <c:pt idx="0">
                  <c:v>#N/A</c:v>
                </c:pt>
                <c:pt idx="1">
                  <c:v>0.48</c:v>
                </c:pt>
                <c:pt idx="2">
                  <c:v>#N/A</c:v>
                </c:pt>
                <c:pt idx="3">
                  <c:v>1.1599999999999999</c:v>
                </c:pt>
                <c:pt idx="4">
                  <c:v>#N/A</c:v>
                </c:pt>
                <c:pt idx="5">
                  <c:v>0.92</c:v>
                </c:pt>
                <c:pt idx="6">
                  <c:v>#N/A</c:v>
                </c:pt>
                <c:pt idx="7">
                  <c:v>0.86</c:v>
                </c:pt>
                <c:pt idx="8">
                  <c:v>#N/A</c:v>
                </c:pt>
                <c:pt idx="9">
                  <c:v>0.73</c:v>
                </c:pt>
              </c:numCache>
            </c:numRef>
          </c:val>
          <c:extLst>
            <c:ext xmlns:c16="http://schemas.microsoft.com/office/drawing/2014/chart" uri="{C3380CC4-5D6E-409C-BE32-E72D297353CC}">
              <c16:uniqueId val="{00000007-E433-4FD0-A5B3-232B29CEF356}"/>
            </c:ext>
          </c:extLst>
        </c:ser>
        <c:ser>
          <c:idx val="8"/>
          <c:order val="8"/>
          <c:tx>
            <c:strRef>
              <c:f>データシート!$A$35</c:f>
              <c:strCache>
                <c:ptCount val="1"/>
                <c:pt idx="0">
                  <c:v>国民健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5:$K$35</c:f>
              <c:numCache>
                <c:formatCode>General</c:formatCode>
                <c:ptCount val="10"/>
                <c:pt idx="0">
                  <c:v>#N/A</c:v>
                </c:pt>
                <c:pt idx="1">
                  <c:v>0.64</c:v>
                </c:pt>
                <c:pt idx="2">
                  <c:v>#N/A</c:v>
                </c:pt>
                <c:pt idx="3">
                  <c:v>0.62</c:v>
                </c:pt>
                <c:pt idx="4">
                  <c:v>#N/A</c:v>
                </c:pt>
                <c:pt idx="5">
                  <c:v>1.05</c:v>
                </c:pt>
                <c:pt idx="6">
                  <c:v>#N/A</c:v>
                </c:pt>
                <c:pt idx="7">
                  <c:v>0.4</c:v>
                </c:pt>
                <c:pt idx="8">
                  <c:v>#N/A</c:v>
                </c:pt>
                <c:pt idx="9">
                  <c:v>0.77</c:v>
                </c:pt>
              </c:numCache>
            </c:numRef>
          </c:val>
          <c:extLst>
            <c:ext xmlns:c16="http://schemas.microsoft.com/office/drawing/2014/chart" uri="{C3380CC4-5D6E-409C-BE32-E72D297353CC}">
              <c16:uniqueId val="{00000008-E433-4FD0-A5B3-232B29CEF356}"/>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7</c:v>
                  </c:pt>
                  <c:pt idx="2">
                    <c:v>H28</c:v>
                  </c:pt>
                  <c:pt idx="4">
                    <c:v>H29</c:v>
                  </c:pt>
                  <c:pt idx="6">
                    <c:v>H30</c:v>
                  </c:pt>
                  <c:pt idx="8">
                    <c:v>R01</c:v>
                  </c:pt>
                </c:lvl>
              </c:multiLvlStrCache>
            </c:multiLvlStrRef>
          </c:cat>
          <c:val>
            <c:numRef>
              <c:f>データシート!$B$36:$K$36</c:f>
              <c:numCache>
                <c:formatCode>General</c:formatCode>
                <c:ptCount val="10"/>
                <c:pt idx="0">
                  <c:v>#N/A</c:v>
                </c:pt>
                <c:pt idx="1">
                  <c:v>5.07</c:v>
                </c:pt>
                <c:pt idx="2">
                  <c:v>#N/A</c:v>
                </c:pt>
                <c:pt idx="3">
                  <c:v>4.08</c:v>
                </c:pt>
                <c:pt idx="4">
                  <c:v>#N/A</c:v>
                </c:pt>
                <c:pt idx="5">
                  <c:v>6.48</c:v>
                </c:pt>
                <c:pt idx="6">
                  <c:v>#N/A</c:v>
                </c:pt>
                <c:pt idx="7">
                  <c:v>4.49</c:v>
                </c:pt>
                <c:pt idx="8">
                  <c:v>#N/A</c:v>
                </c:pt>
                <c:pt idx="9">
                  <c:v>3.76</c:v>
                </c:pt>
              </c:numCache>
            </c:numRef>
          </c:val>
          <c:extLst>
            <c:ext xmlns:c16="http://schemas.microsoft.com/office/drawing/2014/chart" uri="{C3380CC4-5D6E-409C-BE32-E72D297353CC}">
              <c16:uniqueId val="{00000009-E433-4FD0-A5B3-232B29CEF356}"/>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2:$P$42</c:f>
              <c:numCache>
                <c:formatCode>General</c:formatCode>
                <c:ptCount val="15"/>
                <c:pt idx="2">
                  <c:v>6119</c:v>
                </c:pt>
                <c:pt idx="5">
                  <c:v>6012</c:v>
                </c:pt>
                <c:pt idx="8">
                  <c:v>5762</c:v>
                </c:pt>
                <c:pt idx="11">
                  <c:v>5573</c:v>
                </c:pt>
                <c:pt idx="14">
                  <c:v>5547</c:v>
                </c:pt>
              </c:numCache>
            </c:numRef>
          </c:val>
          <c:extLst>
            <c:ext xmlns:c16="http://schemas.microsoft.com/office/drawing/2014/chart" uri="{C3380CC4-5D6E-409C-BE32-E72D297353CC}">
              <c16:uniqueId val="{00000000-5E71-4C7A-92C3-5D6D9C1D7E5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5E71-4C7A-92C3-5D6D9C1D7E5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4:$P$44</c:f>
              <c:numCache>
                <c:formatCode>General</c:formatCode>
                <c:ptCount val="15"/>
                <c:pt idx="0">
                  <c:v>333</c:v>
                </c:pt>
                <c:pt idx="3">
                  <c:v>272</c:v>
                </c:pt>
                <c:pt idx="6">
                  <c:v>248</c:v>
                </c:pt>
                <c:pt idx="9">
                  <c:v>221</c:v>
                </c:pt>
                <c:pt idx="12">
                  <c:v>199</c:v>
                </c:pt>
              </c:numCache>
            </c:numRef>
          </c:val>
          <c:extLst>
            <c:ext xmlns:c16="http://schemas.microsoft.com/office/drawing/2014/chart" uri="{C3380CC4-5D6E-409C-BE32-E72D297353CC}">
              <c16:uniqueId val="{00000002-5E71-4C7A-92C3-5D6D9C1D7E5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5:$P$45</c:f>
              <c:numCache>
                <c:formatCode>General</c:formatCode>
                <c:ptCount val="15"/>
                <c:pt idx="0">
                  <c:v>202</c:v>
                </c:pt>
                <c:pt idx="3">
                  <c:v>123</c:v>
                </c:pt>
                <c:pt idx="6">
                  <c:v>107</c:v>
                </c:pt>
                <c:pt idx="9">
                  <c:v>119</c:v>
                </c:pt>
                <c:pt idx="12">
                  <c:v>124</c:v>
                </c:pt>
              </c:numCache>
            </c:numRef>
          </c:val>
          <c:extLst>
            <c:ext xmlns:c16="http://schemas.microsoft.com/office/drawing/2014/chart" uri="{C3380CC4-5D6E-409C-BE32-E72D297353CC}">
              <c16:uniqueId val="{00000003-5E71-4C7A-92C3-5D6D9C1D7E5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5E71-4C7A-92C3-5D6D9C1D7E5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7:$P$47</c:f>
              <c:numCache>
                <c:formatCode>General</c:formatCode>
                <c:ptCount val="15"/>
                <c:pt idx="0">
                  <c:v>14</c:v>
                </c:pt>
                <c:pt idx="3">
                  <c:v>14</c:v>
                </c:pt>
                <c:pt idx="6">
                  <c:v>25</c:v>
                </c:pt>
                <c:pt idx="9">
                  <c:v>33</c:v>
                </c:pt>
                <c:pt idx="12">
                  <c:v>51</c:v>
                </c:pt>
              </c:numCache>
            </c:numRef>
          </c:val>
          <c:extLst>
            <c:ext xmlns:c16="http://schemas.microsoft.com/office/drawing/2014/chart" uri="{C3380CC4-5D6E-409C-BE32-E72D297353CC}">
              <c16:uniqueId val="{00000005-5E71-4C7A-92C3-5D6D9C1D7E5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5E71-4C7A-92C3-5D6D9C1D7E5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49:$P$49</c:f>
              <c:numCache>
                <c:formatCode>General</c:formatCode>
                <c:ptCount val="15"/>
                <c:pt idx="0">
                  <c:v>2450</c:v>
                </c:pt>
                <c:pt idx="3">
                  <c:v>2706</c:v>
                </c:pt>
                <c:pt idx="6">
                  <c:v>2277</c:v>
                </c:pt>
                <c:pt idx="9">
                  <c:v>2041</c:v>
                </c:pt>
                <c:pt idx="12">
                  <c:v>2275</c:v>
                </c:pt>
              </c:numCache>
            </c:numRef>
          </c:val>
          <c:extLst>
            <c:ext xmlns:c16="http://schemas.microsoft.com/office/drawing/2014/chart" uri="{C3380CC4-5D6E-409C-BE32-E72D297353CC}">
              <c16:uniqueId val="{00000007-5E71-4C7A-92C3-5D6D9C1D7E55}"/>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7</c:v>
                  </c:pt>
                  <c:pt idx="3">
                    <c:v>H28</c:v>
                  </c:pt>
                  <c:pt idx="6">
                    <c:v>H29</c:v>
                  </c:pt>
                  <c:pt idx="9">
                    <c:v>H30</c:v>
                  </c:pt>
                  <c:pt idx="12">
                    <c:v>R01</c:v>
                  </c:pt>
                </c:lvl>
              </c:multiLvlStrCache>
            </c:multiLvlStrRef>
          </c:cat>
          <c:val>
            <c:numRef>
              <c:f>データシート!$B$50:$P$50</c:f>
              <c:numCache>
                <c:formatCode>General</c:formatCode>
                <c:ptCount val="15"/>
                <c:pt idx="0">
                  <c:v>#N/A</c:v>
                </c:pt>
                <c:pt idx="1">
                  <c:v>-3120</c:v>
                </c:pt>
                <c:pt idx="2">
                  <c:v>#N/A</c:v>
                </c:pt>
                <c:pt idx="3">
                  <c:v>#N/A</c:v>
                </c:pt>
                <c:pt idx="4">
                  <c:v>-2897</c:v>
                </c:pt>
                <c:pt idx="5">
                  <c:v>#N/A</c:v>
                </c:pt>
                <c:pt idx="6">
                  <c:v>#N/A</c:v>
                </c:pt>
                <c:pt idx="7">
                  <c:v>-3105</c:v>
                </c:pt>
                <c:pt idx="8">
                  <c:v>#N/A</c:v>
                </c:pt>
                <c:pt idx="9">
                  <c:v>#N/A</c:v>
                </c:pt>
                <c:pt idx="10">
                  <c:v>-3159</c:v>
                </c:pt>
                <c:pt idx="11">
                  <c:v>#N/A</c:v>
                </c:pt>
                <c:pt idx="12">
                  <c:v>#N/A</c:v>
                </c:pt>
                <c:pt idx="13">
                  <c:v>-2898</c:v>
                </c:pt>
                <c:pt idx="14">
                  <c:v>#N/A</c:v>
                </c:pt>
              </c:numCache>
            </c:numRef>
          </c:val>
          <c:smooth val="0"/>
          <c:extLst>
            <c:ext xmlns:c16="http://schemas.microsoft.com/office/drawing/2014/chart" uri="{C3380CC4-5D6E-409C-BE32-E72D297353CC}">
              <c16:uniqueId val="{00000008-5E71-4C7A-92C3-5D6D9C1D7E55}"/>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6:$P$56</c:f>
              <c:numCache>
                <c:formatCode>General</c:formatCode>
                <c:ptCount val="15"/>
                <c:pt idx="2">
                  <c:v>65121</c:v>
                </c:pt>
                <c:pt idx="5">
                  <c:v>60203</c:v>
                </c:pt>
                <c:pt idx="8">
                  <c:v>55286</c:v>
                </c:pt>
                <c:pt idx="11">
                  <c:v>50297</c:v>
                </c:pt>
                <c:pt idx="14">
                  <c:v>45500</c:v>
                </c:pt>
              </c:numCache>
            </c:numRef>
          </c:val>
          <c:extLst>
            <c:ext xmlns:c16="http://schemas.microsoft.com/office/drawing/2014/chart" uri="{C3380CC4-5D6E-409C-BE32-E72D297353CC}">
              <c16:uniqueId val="{00000000-B9DB-4C5D-AF0D-BB74AA7481B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7:$P$57</c:f>
              <c:numCache>
                <c:formatCode>General</c:formatCode>
                <c:ptCount val="15"/>
                <c:pt idx="2">
                  <c:v>0</c:v>
                </c:pt>
                <c:pt idx="5">
                  <c:v>0</c:v>
                </c:pt>
                <c:pt idx="8">
                  <c:v>1</c:v>
                </c:pt>
                <c:pt idx="11">
                  <c:v>0</c:v>
                </c:pt>
                <c:pt idx="14">
                  <c:v>0</c:v>
                </c:pt>
              </c:numCache>
            </c:numRef>
          </c:val>
          <c:extLst>
            <c:ext xmlns:c16="http://schemas.microsoft.com/office/drawing/2014/chart" uri="{C3380CC4-5D6E-409C-BE32-E72D297353CC}">
              <c16:uniqueId val="{00000001-B9DB-4C5D-AF0D-BB74AA7481B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8:$P$58</c:f>
              <c:numCache>
                <c:formatCode>General</c:formatCode>
                <c:ptCount val="15"/>
                <c:pt idx="2">
                  <c:v>39503</c:v>
                </c:pt>
                <c:pt idx="5">
                  <c:v>42785</c:v>
                </c:pt>
                <c:pt idx="8">
                  <c:v>46896</c:v>
                </c:pt>
                <c:pt idx="11">
                  <c:v>53153</c:v>
                </c:pt>
                <c:pt idx="14">
                  <c:v>57649</c:v>
                </c:pt>
              </c:numCache>
            </c:numRef>
          </c:val>
          <c:extLst>
            <c:ext xmlns:c16="http://schemas.microsoft.com/office/drawing/2014/chart" uri="{C3380CC4-5D6E-409C-BE32-E72D297353CC}">
              <c16:uniqueId val="{00000002-B9DB-4C5D-AF0D-BB74AA7481B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B9DB-4C5D-AF0D-BB74AA7481B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B9DB-4C5D-AF0D-BB74AA7481B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9DB-4C5D-AF0D-BB74AA7481B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2:$P$62</c:f>
              <c:numCache>
                <c:formatCode>General</c:formatCode>
                <c:ptCount val="15"/>
                <c:pt idx="0">
                  <c:v>19290</c:v>
                </c:pt>
                <c:pt idx="3">
                  <c:v>20477</c:v>
                </c:pt>
                <c:pt idx="6">
                  <c:v>18193</c:v>
                </c:pt>
                <c:pt idx="9">
                  <c:v>18537</c:v>
                </c:pt>
                <c:pt idx="12">
                  <c:v>17243</c:v>
                </c:pt>
              </c:numCache>
            </c:numRef>
          </c:val>
          <c:extLst>
            <c:ext xmlns:c16="http://schemas.microsoft.com/office/drawing/2014/chart" uri="{C3380CC4-5D6E-409C-BE32-E72D297353CC}">
              <c16:uniqueId val="{00000006-B9DB-4C5D-AF0D-BB74AA7481B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3:$P$63</c:f>
              <c:numCache>
                <c:formatCode>General</c:formatCode>
                <c:ptCount val="15"/>
                <c:pt idx="0">
                  <c:v>1173</c:v>
                </c:pt>
                <c:pt idx="3">
                  <c:v>1231</c:v>
                </c:pt>
                <c:pt idx="6">
                  <c:v>1439</c:v>
                </c:pt>
                <c:pt idx="9">
                  <c:v>1462</c:v>
                </c:pt>
                <c:pt idx="12">
                  <c:v>1524</c:v>
                </c:pt>
              </c:numCache>
            </c:numRef>
          </c:val>
          <c:extLst>
            <c:ext xmlns:c16="http://schemas.microsoft.com/office/drawing/2014/chart" uri="{C3380CC4-5D6E-409C-BE32-E72D297353CC}">
              <c16:uniqueId val="{00000007-B9DB-4C5D-AF0D-BB74AA7481B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B9DB-4C5D-AF0D-BB74AA7481B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5:$P$65</c:f>
              <c:numCache>
                <c:formatCode>General</c:formatCode>
                <c:ptCount val="15"/>
                <c:pt idx="0">
                  <c:v>199</c:v>
                </c:pt>
                <c:pt idx="3">
                  <c:v>265</c:v>
                </c:pt>
                <c:pt idx="6">
                  <c:v>200</c:v>
                </c:pt>
                <c:pt idx="9">
                  <c:v>32</c:v>
                </c:pt>
                <c:pt idx="12">
                  <c:v>0</c:v>
                </c:pt>
              </c:numCache>
            </c:numRef>
          </c:val>
          <c:extLst>
            <c:ext xmlns:c16="http://schemas.microsoft.com/office/drawing/2014/chart" uri="{C3380CC4-5D6E-409C-BE32-E72D297353CC}">
              <c16:uniqueId val="{00000009-B9DB-4C5D-AF0D-BB74AA7481B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6:$P$66</c:f>
              <c:numCache>
                <c:formatCode>General</c:formatCode>
                <c:ptCount val="15"/>
                <c:pt idx="0">
                  <c:v>22022</c:v>
                </c:pt>
                <c:pt idx="3">
                  <c:v>22138</c:v>
                </c:pt>
                <c:pt idx="6">
                  <c:v>20917</c:v>
                </c:pt>
                <c:pt idx="9">
                  <c:v>19947</c:v>
                </c:pt>
                <c:pt idx="12">
                  <c:v>18638</c:v>
                </c:pt>
              </c:numCache>
            </c:numRef>
          </c:val>
          <c:extLst>
            <c:ext xmlns:c16="http://schemas.microsoft.com/office/drawing/2014/chart" uri="{C3380CC4-5D6E-409C-BE32-E72D297353CC}">
              <c16:uniqueId val="{0000000A-B9DB-4C5D-AF0D-BB74AA7481B9}"/>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7</c:v>
                  </c:pt>
                  <c:pt idx="3">
                    <c:v>H28</c:v>
                  </c:pt>
                  <c:pt idx="6">
                    <c:v>H29</c:v>
                  </c:pt>
                  <c:pt idx="9">
                    <c:v>H30</c:v>
                  </c:pt>
                  <c:pt idx="12">
                    <c:v>R01</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B9DB-4C5D-AF0D-BB74AA7481B9}"/>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2:$D$72</c:f>
              <c:numCache>
                <c:formatCode>#,##0;"▲ "#,##0</c:formatCode>
                <c:ptCount val="3"/>
                <c:pt idx="0">
                  <c:v>27217</c:v>
                </c:pt>
                <c:pt idx="1">
                  <c:v>30289</c:v>
                </c:pt>
                <c:pt idx="2">
                  <c:v>32607</c:v>
                </c:pt>
              </c:numCache>
            </c:numRef>
          </c:val>
          <c:extLst>
            <c:ext xmlns:c16="http://schemas.microsoft.com/office/drawing/2014/chart" uri="{C3380CC4-5D6E-409C-BE32-E72D297353CC}">
              <c16:uniqueId val="{00000000-E88E-436A-ABDE-58A9A26E1C9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9</c:v>
                </c:pt>
                <c:pt idx="1">
                  <c:v>H30</c:v>
                </c:pt>
                <c:pt idx="2">
                  <c:v>R01</c:v>
                </c:pt>
              </c:strCache>
            </c:strRef>
          </c:cat>
          <c:val>
            <c:numRef>
              <c:f>データシート!$B$73:$D$73</c:f>
              <c:numCache>
                <c:formatCode>#,##0;"▲ "#,##0</c:formatCode>
                <c:ptCount val="3"/>
                <c:pt idx="0">
                  <c:v>5570</c:v>
                </c:pt>
                <c:pt idx="1">
                  <c:v>5675</c:v>
                </c:pt>
                <c:pt idx="2">
                  <c:v>5779</c:v>
                </c:pt>
              </c:numCache>
            </c:numRef>
          </c:val>
          <c:extLst>
            <c:ext xmlns:c16="http://schemas.microsoft.com/office/drawing/2014/chart" uri="{C3380CC4-5D6E-409C-BE32-E72D297353CC}">
              <c16:uniqueId val="{00000001-E88E-436A-ABDE-58A9A26E1C9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9</c:v>
                </c:pt>
                <c:pt idx="1">
                  <c:v>H30</c:v>
                </c:pt>
                <c:pt idx="2">
                  <c:v>R01</c:v>
                </c:pt>
              </c:strCache>
            </c:strRef>
          </c:cat>
          <c:val>
            <c:numRef>
              <c:f>データシート!$B$74:$D$74</c:f>
              <c:numCache>
                <c:formatCode>#,##0;"▲ "#,##0</c:formatCode>
                <c:ptCount val="3"/>
                <c:pt idx="0">
                  <c:v>12253</c:v>
                </c:pt>
                <c:pt idx="1">
                  <c:v>14908</c:v>
                </c:pt>
                <c:pt idx="2">
                  <c:v>17056</c:v>
                </c:pt>
              </c:numCache>
            </c:numRef>
          </c:val>
          <c:extLst>
            <c:ext xmlns:c16="http://schemas.microsoft.com/office/drawing/2014/chart" uri="{C3380CC4-5D6E-409C-BE32-E72D297353CC}">
              <c16:uniqueId val="{00000002-E88E-436A-ABDE-58A9A26E1C9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v>当該団体値</c:v>
          </c:tx>
          <c:spPr>
            <a:ln w="6350" cap="flat">
              <a:solidFill>
                <a:srgbClr val="FF0000"/>
              </a:solidFill>
            </a:ln>
          </c:spPr>
          <c:marker>
            <c:symbol val="circle"/>
            <c:size val="8"/>
            <c:spPr>
              <a:solidFill>
                <a:srgbClr val="FF0000"/>
              </a:solidFill>
              <a:ln w="12700">
                <a:solidFill>
                  <a:srgbClr val="FF0000"/>
                </a:solidFill>
              </a:ln>
            </c:spPr>
          </c:marker>
          <c:dLbls>
            <c:dLbl>
              <c:idx val="0"/>
              <c:tx>
                <c:rich>
                  <a:bodyPr/>
                  <a:lstStyle/>
                  <a:p>
                    <a:r>
                      <a:rPr lang="en-US" altLang="ja-JP"/>
                      <a:t>H27</a:t>
                    </a:r>
                  </a:p>
                </c:rich>
              </c:tx>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B5B-49A1-A6BC-328AF18C8AA0}"/>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6693B2E-E173-44E7-AEFB-A42129B1CE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BB5B-49A1-A6BC-328AF18C8AA0}"/>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5886D54-08BC-45AA-A5BE-F3CE626B27F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BB5B-49A1-A6BC-328AF18C8AA0}"/>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580AC5A-29BD-4B70-9FB1-49BEA4383DB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BB5B-49A1-A6BC-328AF18C8AA0}"/>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FE41BC7-2E9C-4358-B657-67F8B8E3319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BB5B-49A1-A6BC-328AF18C8AA0}"/>
                </c:ext>
              </c:extLst>
            </c:dLbl>
            <c:dLbl>
              <c:idx val="8"/>
              <c:tx>
                <c:rich>
                  <a:bodyPr/>
                  <a:lstStyle/>
                  <a:p>
                    <a:r>
                      <a:rPr lang="en-US" altLang="ja-JP"/>
                      <a:t>H28</a:t>
                    </a:r>
                  </a:p>
                </c:rich>
              </c:tx>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B5B-49A1-A6BC-328AF18C8AA0}"/>
                </c:ext>
              </c:extLst>
            </c:dLbl>
            <c:dLbl>
              <c:idx val="16"/>
              <c:tx>
                <c:rich>
                  <a:bodyPr/>
                  <a:lstStyle/>
                  <a:p>
                    <a:r>
                      <a:rPr lang="en-US" altLang="ja-JP"/>
                      <a:t>H29</a:t>
                    </a:r>
                  </a:p>
                </c:rich>
              </c:tx>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BB5B-49A1-A6BC-328AF18C8AA0}"/>
                </c:ext>
              </c:extLst>
            </c:dLbl>
            <c:dLbl>
              <c:idx val="24"/>
              <c:tx>
                <c:rich>
                  <a:bodyPr/>
                  <a:lstStyle/>
                  <a:p>
                    <a:r>
                      <a:rPr lang="en-US" altLang="ja-JP"/>
                      <a:t>H30</a:t>
                    </a:r>
                  </a:p>
                </c:rich>
              </c:tx>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B5B-49A1-A6BC-328AF18C8AA0}"/>
                </c:ext>
              </c:extLst>
            </c:dLbl>
            <c:dLbl>
              <c:idx val="32"/>
              <c:tx>
                <c:rich>
                  <a:bodyPr/>
                  <a:lstStyle/>
                  <a:p>
                    <a:r>
                      <a:rPr lang="en-US" altLang="ja-JP"/>
                      <a:t>R01</a:t>
                    </a:r>
                  </a:p>
                </c:rich>
              </c:tx>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BB5B-49A1-A6BC-328AF18C8AA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Lit>
              <c:formatCode>General</c:formatCode>
              <c:ptCount val="40"/>
              <c:pt idx="0">
                <c:v>62.4</c:v>
              </c:pt>
              <c:pt idx="8">
                <c:v>63.8</c:v>
              </c:pt>
              <c:pt idx="16">
                <c:v>65.400000000000006</c:v>
              </c:pt>
              <c:pt idx="24">
                <c:v>66.400000000000006</c:v>
              </c:pt>
              <c:pt idx="32">
                <c:v>66.3</c:v>
              </c:pt>
            </c:numLit>
          </c:xVal>
          <c:yVal>
            <c:numLit>
              <c:formatCode>General</c:formatCode>
              <c:ptCount val="40"/>
            </c:numLit>
          </c:yVal>
          <c:smooth val="0"/>
          <c:extLst>
            <c:ext xmlns:c16="http://schemas.microsoft.com/office/drawing/2014/chart" uri="{C3380CC4-5D6E-409C-BE32-E72D297353CC}">
              <c16:uniqueId val="{00000009-BB5B-49A1-A6BC-328AF18C8AA0}"/>
            </c:ext>
          </c:extLst>
        </c:ser>
        <c:ser>
          <c:idx val="1"/>
          <c:order val="1"/>
          <c:tx>
            <c:v>類似団体内平均値</c:v>
          </c:tx>
          <c:spPr>
            <a:ln w="6350" cap="flat">
              <a:solidFill>
                <a:srgbClr val="000080"/>
              </a:solidFill>
            </a:ln>
          </c:spPr>
          <c:marker>
            <c:symbol val="diamond"/>
            <c:size val="8"/>
            <c:spPr>
              <a:solidFill>
                <a:srgbClr val="000080"/>
              </a:solidFill>
              <a:ln w="12700">
                <a:solidFill>
                  <a:srgbClr val="000080"/>
                </a:solidFill>
              </a:ln>
            </c:spPr>
          </c:marker>
          <c:dLbls>
            <c:dLbl>
              <c:idx val="0"/>
              <c:layout/>
              <c:tx>
                <c:rich>
                  <a:bodyPr/>
                  <a:lstStyle/>
                  <a:p>
                    <a:r>
                      <a:rPr lang="en-US" altLang="ja-JP"/>
                      <a:t>H27</a:t>
                    </a:r>
                  </a:p>
                </c:rich>
              </c:tx>
              <c:dLblPos val="t"/>
              <c:showLegendKey val="0"/>
              <c:showVal val="0"/>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BB5B-49A1-A6BC-328AF18C8AA0}"/>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BF5C3BD-CE3D-439B-A475-5C43994B214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BB5B-49A1-A6BC-328AF18C8AA0}"/>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42D61D9-3C55-4DDD-BF6F-C82F9D5EC16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BB5B-49A1-A6BC-328AF18C8AA0}"/>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2CD7C61-70B0-45B0-BE13-A84599F19A6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BB5B-49A1-A6BC-328AF18C8AA0}"/>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AA9D696-E123-44C7-9E94-4C840732ADB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BB5B-49A1-A6BC-328AF18C8AA0}"/>
                </c:ext>
              </c:extLst>
            </c:dLbl>
            <c:dLbl>
              <c:idx val="8"/>
              <c:layout>
                <c:manualLayout>
                  <c:x val="-3.6474124743029766E-2"/>
                  <c:y val="-6.4739042105865174E-2"/>
                </c:manualLayout>
              </c:layout>
              <c:tx>
                <c:rich>
                  <a:bodyPr/>
                  <a:lstStyle/>
                  <a:p>
                    <a:r>
                      <a:rPr lang="en-US" altLang="ja-JP"/>
                      <a:t>H28</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BB5B-49A1-A6BC-328AF18C8AA0}"/>
                </c:ext>
              </c:extLst>
            </c:dLbl>
            <c:dLbl>
              <c:idx val="16"/>
              <c:layout>
                <c:manualLayout>
                  <c:x val="-2.781627619611491E-2"/>
                  <c:y val="-6.4739042105865174E-2"/>
                </c:manualLayout>
              </c:layout>
              <c:tx>
                <c:rich>
                  <a:bodyPr/>
                  <a:lstStyle/>
                  <a:p>
                    <a:r>
                      <a:rPr lang="en-US" altLang="ja-JP"/>
                      <a:t>H29</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BB5B-49A1-A6BC-328AF18C8AA0}"/>
                </c:ext>
              </c:extLst>
            </c:dLbl>
            <c:dLbl>
              <c:idx val="24"/>
              <c:layout/>
              <c:tx>
                <c:rich>
                  <a:bodyPr/>
                  <a:lstStyle/>
                  <a:p>
                    <a:r>
                      <a:rPr lang="en-US" altLang="ja-JP"/>
                      <a:t>H30</a:t>
                    </a:r>
                  </a:p>
                </c:rich>
              </c:tx>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BB5B-49A1-A6BC-328AF18C8AA0}"/>
                </c:ext>
              </c:extLst>
            </c:dLbl>
            <c:dLbl>
              <c:idx val="32"/>
              <c:layout/>
              <c:tx>
                <c:rich>
                  <a:bodyPr/>
                  <a:lstStyle/>
                  <a:p>
                    <a:r>
                      <a:rPr lang="en-US" altLang="ja-JP"/>
                      <a:t>R01</a:t>
                    </a:r>
                  </a:p>
                </c:rich>
              </c:tx>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BB5B-49A1-A6BC-328AF18C8AA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Lit>
              <c:formatCode>General</c:formatCode>
              <c:ptCount val="40"/>
              <c:pt idx="0">
                <c:v>60.2</c:v>
              </c:pt>
              <c:pt idx="8">
                <c:v>56.8</c:v>
              </c:pt>
              <c:pt idx="16">
                <c:v>56.9</c:v>
              </c:pt>
              <c:pt idx="24">
                <c:v>57.7</c:v>
              </c:pt>
              <c:pt idx="32">
                <c:v>56.3</c:v>
              </c:pt>
            </c:numLit>
          </c:xVal>
          <c:yVal>
            <c:numLit>
              <c:formatCode>General</c:formatCode>
              <c:ptCount val="40"/>
              <c:pt idx="0">
                <c:v>0</c:v>
              </c:pt>
              <c:pt idx="8">
                <c:v>0</c:v>
              </c:pt>
              <c:pt idx="16">
                <c:v>0</c:v>
              </c:pt>
              <c:pt idx="24">
                <c:v>0</c:v>
              </c:pt>
              <c:pt idx="32">
                <c:v>0</c:v>
              </c:pt>
            </c:numLit>
          </c:yVal>
          <c:smooth val="0"/>
          <c:extLst>
            <c:ext xmlns:c16="http://schemas.microsoft.com/office/drawing/2014/chart" uri="{C3380CC4-5D6E-409C-BE32-E72D297353CC}">
              <c16:uniqueId val="{00000013-BB5B-49A1-A6BC-328AF18C8AA0}"/>
            </c:ext>
          </c:extLst>
        </c:ser>
        <c:dLbls>
          <c:showLegendKey val="0"/>
          <c:showVal val="1"/>
          <c:showCatName val="0"/>
          <c:showSerName val="0"/>
          <c:showPercent val="0"/>
          <c:showBubbleSize val="0"/>
        </c:dLbls>
        <c:axId val="46179840"/>
        <c:axId val="46181760"/>
      </c:scatterChart>
      <c:valAx>
        <c:axId val="46179840"/>
        <c:scaling>
          <c:orientation val="minMax"/>
          <c:max val="60.6"/>
          <c:min val="56"/>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v>当該団体値</c:v>
          </c:tx>
          <c:spPr>
            <a:ln w="6350" cap="flat">
              <a:solidFill>
                <a:srgbClr val="FF0000"/>
              </a:solidFill>
            </a:ln>
          </c:spPr>
          <c:marker>
            <c:symbol val="circle"/>
            <c:size val="8"/>
            <c:spPr>
              <a:solidFill>
                <a:srgbClr val="FF0000"/>
              </a:solidFill>
              <a:ln w="12700">
                <a:solidFill>
                  <a:srgbClr val="FF0000"/>
                </a:solidFill>
              </a:ln>
            </c:spPr>
          </c:marker>
          <c:dLbls>
            <c:dLbl>
              <c:idx val="0"/>
              <c:tx>
                <c:rich>
                  <a:bodyPr/>
                  <a:lstStyle/>
                  <a:p>
                    <a:r>
                      <a:rPr lang="en-US" altLang="ja-JP"/>
                      <a:t>H27</a:t>
                    </a:r>
                  </a:p>
                </c:rich>
              </c:tx>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5CB-452A-BF95-EFDECF9918A1}"/>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8ACF20EB-191A-4B35-B353-7A7255CDBEA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35CB-452A-BF95-EFDECF9918A1}"/>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DBD20E-509B-4950-8804-09B1B3C09A1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35CB-452A-BF95-EFDECF9918A1}"/>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5F2D0B9-B2BD-4EDB-B185-2117CC3B04F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35CB-452A-BF95-EFDECF9918A1}"/>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C5299A8-0203-4B32-B83D-0346B8C1B79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35CB-452A-BF95-EFDECF9918A1}"/>
                </c:ext>
              </c:extLst>
            </c:dLbl>
            <c:dLbl>
              <c:idx val="8"/>
              <c:tx>
                <c:rich>
                  <a:bodyPr/>
                  <a:lstStyle/>
                  <a:p>
                    <a:r>
                      <a:rPr lang="en-US" altLang="ja-JP"/>
                      <a:t>H28</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5CB-452A-BF95-EFDECF9918A1}"/>
                </c:ext>
              </c:extLst>
            </c:dLbl>
            <c:dLbl>
              <c:idx val="16"/>
              <c:tx>
                <c:rich>
                  <a:bodyPr/>
                  <a:lstStyle/>
                  <a:p>
                    <a:r>
                      <a:rPr lang="en-US" altLang="ja-JP"/>
                      <a:t>H29</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5CB-452A-BF95-EFDECF9918A1}"/>
                </c:ext>
              </c:extLst>
            </c:dLbl>
            <c:dLbl>
              <c:idx val="24"/>
              <c:tx>
                <c:rich>
                  <a:bodyPr/>
                  <a:lstStyle/>
                  <a:p>
                    <a:r>
                      <a:rPr lang="en-US" altLang="ja-JP"/>
                      <a:t>H30</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5CB-452A-BF95-EFDECF9918A1}"/>
                </c:ext>
              </c:extLst>
            </c:dLbl>
            <c:dLbl>
              <c:idx val="32"/>
              <c:tx>
                <c:rich>
                  <a:bodyPr/>
                  <a:lstStyle/>
                  <a:p>
                    <a:r>
                      <a:rPr lang="en-US" altLang="ja-JP"/>
                      <a:t>R01</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5CB-452A-BF95-EFDECF9918A1}"/>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Lit>
              <c:formatCode>General</c:formatCode>
              <c:ptCount val="40"/>
              <c:pt idx="0">
                <c:v>-2.9</c:v>
              </c:pt>
              <c:pt idx="8">
                <c:v>-3.4</c:v>
              </c:pt>
              <c:pt idx="16">
                <c:v>-3.8</c:v>
              </c:pt>
              <c:pt idx="24">
                <c:v>-3.8</c:v>
              </c:pt>
              <c:pt idx="32">
                <c:v>-3.7</c:v>
              </c:pt>
            </c:numLit>
          </c:xVal>
          <c:yVal>
            <c:numLit>
              <c:formatCode>General</c:formatCode>
              <c:ptCount val="40"/>
            </c:numLit>
          </c:yVal>
          <c:smooth val="0"/>
          <c:extLst>
            <c:ext xmlns:c16="http://schemas.microsoft.com/office/drawing/2014/chart" uri="{C3380CC4-5D6E-409C-BE32-E72D297353CC}">
              <c16:uniqueId val="{00000009-35CB-452A-BF95-EFDECF9918A1}"/>
            </c:ext>
          </c:extLst>
        </c:ser>
        <c:ser>
          <c:idx val="1"/>
          <c:order val="1"/>
          <c:tx>
            <c:v>類似団体内平均値</c:v>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rich>
                  <a:bodyPr/>
                  <a:lstStyle/>
                  <a:p>
                    <a:r>
                      <a:rPr lang="en-US" altLang="ja-JP"/>
                      <a:t>H27</a:t>
                    </a:r>
                  </a:p>
                </c:rich>
              </c:tx>
              <c:dLblPos val="t"/>
              <c:showLegendKey val="0"/>
              <c:showVal val="0"/>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35CB-452A-BF95-EFDECF9918A1}"/>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FE2616FB-A648-413C-BB14-845379CD60FB}</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35CB-452A-BF95-EFDECF9918A1}"/>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D2BDDCD-FE8F-4DCD-A331-0BF8E31B4D5C}</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35CB-452A-BF95-EFDECF9918A1}"/>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20977BE-56DE-4DB3-87B2-B540A2574EF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35CB-452A-BF95-EFDECF9918A1}"/>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5F28F14-6DC8-4DD6-91B2-46497DAAC88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35CB-452A-BF95-EFDECF9918A1}"/>
                </c:ext>
              </c:extLst>
            </c:dLbl>
            <c:dLbl>
              <c:idx val="8"/>
              <c:layout/>
              <c:tx>
                <c:rich>
                  <a:bodyPr/>
                  <a:lstStyle/>
                  <a:p>
                    <a:r>
                      <a:rPr lang="en-US" altLang="ja-JP"/>
                      <a:t>H28</a:t>
                    </a:r>
                  </a:p>
                </c:rich>
              </c:tx>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35CB-452A-BF95-EFDECF9918A1}"/>
                </c:ext>
              </c:extLst>
            </c:dLbl>
            <c:dLbl>
              <c:idx val="16"/>
              <c:layout/>
              <c:tx>
                <c:rich>
                  <a:bodyPr/>
                  <a:lstStyle/>
                  <a:p>
                    <a:r>
                      <a:rPr lang="en-US" altLang="ja-JP"/>
                      <a:t>H29</a:t>
                    </a:r>
                  </a:p>
                </c:rich>
              </c:tx>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35CB-452A-BF95-EFDECF9918A1}"/>
                </c:ext>
              </c:extLst>
            </c:dLbl>
            <c:dLbl>
              <c:idx val="24"/>
              <c:layout/>
              <c:tx>
                <c:rich>
                  <a:bodyPr/>
                  <a:lstStyle/>
                  <a:p>
                    <a:r>
                      <a:rPr lang="en-US" altLang="ja-JP"/>
                      <a:t>H30</a:t>
                    </a:r>
                  </a:p>
                </c:rich>
              </c:tx>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35CB-452A-BF95-EFDECF9918A1}"/>
                </c:ext>
              </c:extLst>
            </c:dLbl>
            <c:dLbl>
              <c:idx val="32"/>
              <c:layout/>
              <c:tx>
                <c:rich>
                  <a:bodyPr/>
                  <a:lstStyle/>
                  <a:p>
                    <a:r>
                      <a:rPr lang="en-US" altLang="ja-JP"/>
                      <a:t>R01</a:t>
                    </a:r>
                  </a:p>
                </c:rich>
              </c:tx>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35CB-452A-BF95-EFDECF9918A1}"/>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Lit>
              <c:formatCode>General</c:formatCode>
              <c:ptCount val="40"/>
              <c:pt idx="0">
                <c:v>-2.2999999999999998</c:v>
              </c:pt>
              <c:pt idx="8">
                <c:v>-2.8</c:v>
              </c:pt>
              <c:pt idx="16">
                <c:v>-3.2</c:v>
              </c:pt>
              <c:pt idx="24">
                <c:v>-3.4</c:v>
              </c:pt>
              <c:pt idx="32">
                <c:v>-3.5</c:v>
              </c:pt>
            </c:numLit>
          </c:xVal>
          <c:yVal>
            <c:numLit>
              <c:formatCode>General</c:formatCode>
              <c:ptCount val="40"/>
              <c:pt idx="0">
                <c:v>0</c:v>
              </c:pt>
              <c:pt idx="8">
                <c:v>0</c:v>
              </c:pt>
              <c:pt idx="16">
                <c:v>0</c:v>
              </c:pt>
              <c:pt idx="24">
                <c:v>0</c:v>
              </c:pt>
              <c:pt idx="32">
                <c:v>0</c:v>
              </c:pt>
            </c:numLit>
          </c:yVal>
          <c:smooth val="0"/>
          <c:extLst>
            <c:ext xmlns:c16="http://schemas.microsoft.com/office/drawing/2014/chart" uri="{C3380CC4-5D6E-409C-BE32-E72D297353CC}">
              <c16:uniqueId val="{00000013-35CB-452A-BF95-EFDECF9918A1}"/>
            </c:ext>
          </c:extLst>
        </c:ser>
        <c:dLbls>
          <c:showLegendKey val="0"/>
          <c:showVal val="1"/>
          <c:showCatName val="0"/>
          <c:showSerName val="0"/>
          <c:showPercent val="0"/>
          <c:showBubbleSize val="0"/>
        </c:dLbls>
        <c:axId val="84219776"/>
        <c:axId val="84234240"/>
      </c:scatterChart>
      <c:valAx>
        <c:axId val="84219776"/>
        <c:scaling>
          <c:orientation val="minMax"/>
          <c:max val="-2.2000000000000002"/>
          <c:min val="-3.6"/>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inMax"/>
          <c:max val="10"/>
          <c:min val="-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新宿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実質公債費比率の分子は、本庁舎免震改修工事などの起債の元金償還開始により元利償還金が</a:t>
          </a:r>
          <a:r>
            <a:rPr kumimoji="1" lang="en-US" altLang="ja-JP" sz="1400">
              <a:latin typeface="ＭＳ ゴシック" pitchFamily="49" charset="-128"/>
              <a:ea typeface="ＭＳ ゴシック" pitchFamily="49" charset="-128"/>
            </a:rPr>
            <a:t>234</a:t>
          </a:r>
          <a:r>
            <a:rPr kumimoji="1" lang="ja-JP" altLang="en-US" sz="1400">
              <a:latin typeface="ＭＳ ゴシック" pitchFamily="49" charset="-128"/>
              <a:ea typeface="ＭＳ ゴシック" pitchFamily="49" charset="-128"/>
            </a:rPr>
            <a:t>百万円の増となったことなどにより、前年度と比較して</a:t>
          </a:r>
          <a:r>
            <a:rPr kumimoji="1" lang="en-US" altLang="ja-JP" sz="1400">
              <a:latin typeface="ＭＳ ゴシック" pitchFamily="49" charset="-128"/>
              <a:ea typeface="ＭＳ ゴシック" pitchFamily="49" charset="-128"/>
            </a:rPr>
            <a:t>260</a:t>
          </a:r>
          <a:r>
            <a:rPr kumimoji="1" lang="ja-JP" altLang="en-US" sz="1400">
              <a:latin typeface="ＭＳ ゴシック" pitchFamily="49" charset="-128"/>
              <a:ea typeface="ＭＳ ゴシック" pitchFamily="49" charset="-128"/>
            </a:rPr>
            <a:t>百万円の増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満期一括償還に備えて必要額を積立てており、起債残高及び減債基金の現在高推移により、適切に対応している。</a:t>
          </a:r>
        </a:p>
        <a:p>
          <a:endParaRPr kumimoji="1" lang="ja-JP" altLang="en-US" sz="12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新宿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充当可能基金の残高が増加したことと合わせ、地方債現在高の減少などにより、将来負担比率の分子が減少してい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元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新宿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は、納税義務者の増などにより特別区税が増となったことなどから、取崩しを行わなかったことにより、残高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また、特定目的基金は、税収等の一般財源が見込みを上回ったため、施設整備に充当する社会資本等整備基金及び義務教育施設整備等次世代育成基金の取崩しを行わなかったことにより、残高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4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の収束が見通せず、景気回復が不透明な中にあって、今後しばらくは区税等の一般財源に大きな伸びが期待できない一方で、区民生活を支え、必要な施策を着実に展開していくためには、安定した財政基盤を確保することが必要である。コロナ禍によって、歳出が膨らみ、歳入が減少する状況の中で、世代間の公平性や後年度負担にも十分配慮しながら、区債を効果的に活用するとともに、財政調整基金のほか、その他特定目的基金も可能な限り活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特定目的基金の大半を占める社会資本等整備基金は庁舎の整備や修繕などに充当し、義務教育施設整備等次世代育成基金は小・中学校の整備や修繕などに充当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税収等の一般財源が見込みを上回ったため、施設整備に充当する社会資本等整備基金及び義務教育施設整備等次世代育成基金の取崩しを行わなかったことにより、残高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14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の収束が見通せず、景気回復が不透明な中にあって、今後しばらくは区税等の一般財源に大きな伸びが期待できない一方で、区民生活を支え、必要な施策を着実に展開していくためには、安定した財政基盤を確保することが必要である。コロナ禍によって、歳出が膨らみ、歳入が減少する状況の中で、その他特定目的基金も可能な限り活用す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納税義務者の増などにより特別区税が増となったことなどから、取崩しを行わなかったことにより、残高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2,31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新型コロナウイルス感染症の収束が見通せず、景気回復が不透明な中にあって、今後しばらくは区税等の一般財源に大きな伸びが期待できない一方で、区民生活を支え、必要な施策を着実に展開していくためには、安定した財政基盤を確保することが必要である。コロナ禍によって、歳出が膨らみ、歳入が減少する状況の中で、財政調整基金を効果的に活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税収等の一般財源が見込みを上回ったことや、満期一括償還がなかったことなどにより、取崩を行わなかったため、残高は前年度と比較して</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満期一括償還に備えて必要額を積立てており、引き続き、起債残高及び減債基金の現在高推移により、適切に対応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xdr:cNvSpPr/>
      </xdr:nvSpPr>
      <xdr:spPr>
        <a:xfrm>
          <a:off x="1149858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xdr:cNvSpPr/>
      </xdr:nvSpPr>
      <xdr:spPr>
        <a:xfrm>
          <a:off x="1283970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xdr:cNvSpPr/>
      </xdr:nvSpPr>
      <xdr:spPr>
        <a:xfrm>
          <a:off x="1418082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xdr:cNvSpPr/>
      </xdr:nvSpPr>
      <xdr:spPr>
        <a:xfrm>
          <a:off x="1552194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xdr:cNvSpPr/>
      </xdr:nvSpPr>
      <xdr:spPr>
        <a:xfrm>
          <a:off x="16863060" y="917448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xdr:cNvSpPr/>
      </xdr:nvSpPr>
      <xdr:spPr>
        <a:xfrm>
          <a:off x="1149858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xdr:cNvSpPr/>
      </xdr:nvSpPr>
      <xdr:spPr>
        <a:xfrm>
          <a:off x="1283970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xdr:cNvSpPr/>
      </xdr:nvSpPr>
      <xdr:spPr>
        <a:xfrm>
          <a:off x="1418082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xdr:cNvSpPr/>
      </xdr:nvSpPr>
      <xdr:spPr>
        <a:xfrm>
          <a:off x="1552194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xdr:cNvSpPr/>
      </xdr:nvSpPr>
      <xdr:spPr>
        <a:xfrm>
          <a:off x="16863060" y="12900660"/>
          <a:ext cx="1341120" cy="3352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xdr:cNvSpPr/>
      </xdr:nvSpPr>
      <xdr:spPr>
        <a:xfrm>
          <a:off x="355600" y="63500"/>
          <a:ext cx="11139805" cy="63309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xdr:cNvSpPr/>
      </xdr:nvSpPr>
      <xdr:spPr>
        <a:xfrm>
          <a:off x="15013305" y="190500"/>
          <a:ext cx="347345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xdr:cNvSpPr/>
      </xdr:nvSpPr>
      <xdr:spPr>
        <a:xfrm>
          <a:off x="15015845" y="215900"/>
          <a:ext cx="34518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xdr:cNvSpPr/>
      </xdr:nvSpPr>
      <xdr:spPr>
        <a:xfrm>
          <a:off x="15041245" y="241300"/>
          <a:ext cx="3394710" cy="4425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xdr:cNvSpPr/>
      </xdr:nvSpPr>
      <xdr:spPr>
        <a:xfrm>
          <a:off x="12539345" y="190500"/>
          <a:ext cx="2340610" cy="55689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xdr:cNvSpPr/>
      </xdr:nvSpPr>
      <xdr:spPr>
        <a:xfrm>
          <a:off x="12564745" y="215900"/>
          <a:ext cx="2296160" cy="50609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xdr:cNvSpPr/>
      </xdr:nvSpPr>
      <xdr:spPr>
        <a:xfrm>
          <a:off x="12590145" y="241300"/>
          <a:ext cx="2261870" cy="455295"/>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xdr:cNvSpPr/>
      </xdr:nvSpPr>
      <xdr:spPr>
        <a:xfrm>
          <a:off x="436880" y="883285"/>
          <a:ext cx="8879205" cy="174371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xdr:cNvSpPr/>
      </xdr:nvSpPr>
      <xdr:spPr>
        <a:xfrm>
          <a:off x="558165" y="915035"/>
          <a:ext cx="1214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xdr:cNvSpPr/>
      </xdr:nvSpPr>
      <xdr:spPr>
        <a:xfrm>
          <a:off x="1731645" y="915035"/>
          <a:ext cx="117348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xdr:cNvSpPr/>
      </xdr:nvSpPr>
      <xdr:spPr>
        <a:xfrm>
          <a:off x="2905125" y="915035"/>
          <a:ext cx="1341120" cy="168021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xdr:cNvSpPr/>
      </xdr:nvSpPr>
      <xdr:spPr>
        <a:xfrm>
          <a:off x="4246245" y="934085"/>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xdr:cNvSpPr/>
      </xdr:nvSpPr>
      <xdr:spPr>
        <a:xfrm>
          <a:off x="6026785" y="934085"/>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xdr:cNvSpPr/>
      </xdr:nvSpPr>
      <xdr:spPr>
        <a:xfrm>
          <a:off x="7200265" y="946785"/>
          <a:ext cx="56642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xdr:cNvSpPr/>
      </xdr:nvSpPr>
      <xdr:spPr>
        <a:xfrm>
          <a:off x="4246245" y="1693545"/>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xdr:cNvSpPr/>
      </xdr:nvSpPr>
      <xdr:spPr>
        <a:xfrm>
          <a:off x="6090285" y="1693545"/>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xdr:cNvSpPr/>
      </xdr:nvSpPr>
      <xdr:spPr>
        <a:xfrm>
          <a:off x="9765665" y="883285"/>
          <a:ext cx="1341120" cy="1247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xdr:cNvSpPr/>
      </xdr:nvSpPr>
      <xdr:spPr>
        <a:xfrm>
          <a:off x="9987915" y="946785"/>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xdr:cNvSpPr/>
      </xdr:nvSpPr>
      <xdr:spPr>
        <a:xfrm>
          <a:off x="9987915" y="1209675"/>
          <a:ext cx="1173480" cy="509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xdr:cNvSpPr/>
      </xdr:nvSpPr>
      <xdr:spPr>
        <a:xfrm>
          <a:off x="9987915" y="1544955"/>
          <a:ext cx="1292860" cy="6362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xdr:cNvCxnSpPr/>
      </xdr:nvCxnSpPr>
      <xdr:spPr>
        <a:xfrm flipH="1">
          <a:off x="9825355" y="1035685"/>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xdr:cNvSpPr/>
      </xdr:nvSpPr>
      <xdr:spPr>
        <a:xfrm>
          <a:off x="9879330" y="997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xdr:cNvSpPr/>
      </xdr:nvSpPr>
      <xdr:spPr>
        <a:xfrm>
          <a:off x="9879330" y="12985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xdr:cNvCxnSpPr/>
      </xdr:nvCxnSpPr>
      <xdr:spPr>
        <a:xfrm>
          <a:off x="9923780" y="154495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xdr:cNvCxnSpPr/>
      </xdr:nvCxnSpPr>
      <xdr:spPr>
        <a:xfrm>
          <a:off x="9844405" y="154495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xdr:cNvCxnSpPr/>
      </xdr:nvCxnSpPr>
      <xdr:spPr>
        <a:xfrm flipV="1">
          <a:off x="9923780" y="177927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xdr:cNvCxnSpPr/>
      </xdr:nvCxnSpPr>
      <xdr:spPr>
        <a:xfrm>
          <a:off x="9844405" y="1918335"/>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xdr:cNvSpPr txBox="1"/>
      </xdr:nvSpPr>
      <xdr:spPr>
        <a:xfrm>
          <a:off x="419100" y="272478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xdr:cNvSpPr txBox="1"/>
      </xdr:nvSpPr>
      <xdr:spPr>
        <a:xfrm>
          <a:off x="419100" y="29622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95925" cy="259045"/>
    <xdr:sp macro="" textlink="">
      <xdr:nvSpPr>
        <xdr:cNvPr id="43" name="テキスト ボックス 42"/>
        <xdr:cNvSpPr txBox="1"/>
      </xdr:nvSpPr>
      <xdr:spPr>
        <a:xfrm>
          <a:off x="419100" y="319595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xdr:cNvSpPr txBox="1"/>
      </xdr:nvSpPr>
      <xdr:spPr>
        <a:xfrm>
          <a:off x="419100" y="343344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xdr:cNvSpPr txBox="1"/>
      </xdr:nvSpPr>
      <xdr:spPr>
        <a:xfrm>
          <a:off x="419100" y="367093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xdr:cNvSpPr/>
      </xdr:nvSpPr>
      <xdr:spPr>
        <a:xfrm>
          <a:off x="1127125" y="4180205"/>
          <a:ext cx="373888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xdr:cNvSpPr/>
      </xdr:nvSpPr>
      <xdr:spPr>
        <a:xfrm>
          <a:off x="1774684" y="4523677"/>
          <a:ext cx="1514121"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xdr:cNvSpPr/>
      </xdr:nvSpPr>
      <xdr:spPr>
        <a:xfrm>
          <a:off x="3387084" y="4507006"/>
          <a:ext cx="740421"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6.3</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xdr:cNvSpPr/>
      </xdr:nvSpPr>
      <xdr:spPr>
        <a:xfrm>
          <a:off x="48152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xdr:cNvSpPr/>
      </xdr:nvSpPr>
      <xdr:spPr>
        <a:xfrm>
          <a:off x="48152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xdr:cNvSpPr/>
      </xdr:nvSpPr>
      <xdr:spPr>
        <a:xfrm>
          <a:off x="615632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xdr:cNvSpPr/>
      </xdr:nvSpPr>
      <xdr:spPr>
        <a:xfrm>
          <a:off x="615632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xdr:cNvSpPr/>
      </xdr:nvSpPr>
      <xdr:spPr>
        <a:xfrm>
          <a:off x="762444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xdr:cNvSpPr/>
      </xdr:nvSpPr>
      <xdr:spPr>
        <a:xfrm>
          <a:off x="762444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xdr:cNvSpPr/>
      </xdr:nvSpPr>
      <xdr:spPr>
        <a:xfrm>
          <a:off x="1127125" y="4844415"/>
          <a:ext cx="373888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xdr:cNvSpPr/>
      </xdr:nvSpPr>
      <xdr:spPr>
        <a:xfrm>
          <a:off x="510984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xdr:cNvSpPr/>
      </xdr:nvSpPr>
      <xdr:spPr>
        <a:xfrm>
          <a:off x="510984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xdr:cNvSpPr txBox="1"/>
      </xdr:nvSpPr>
      <xdr:spPr>
        <a:xfrm>
          <a:off x="516318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の</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6.4</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から</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元</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66.3</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と</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0.1</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ポイント改善した。</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7</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年度からみると以前として</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老朽化が進ん</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でいるが</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中長期修繕計画等により計画的に修繕しているため、使用上の問題はない。</a:t>
          </a:r>
          <a:endPar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なお、</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公共施設等総合管理計画を策定し、区有施設全体の延床面積を</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2</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削減する目標を掲げている。引き続き、民間への移管、施設の統廃合・複合化等について検討する。</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4</xdr:col>
      <xdr:colOff>174625</xdr:colOff>
      <xdr:row>23</xdr:row>
      <xdr:rowOff>47625</xdr:rowOff>
    </xdr:from>
    <xdr:ext cx="349839" cy="225703"/>
    <xdr:sp macro="" textlink="">
      <xdr:nvSpPr>
        <xdr:cNvPr id="59" name="テキスト ボックス 58"/>
        <xdr:cNvSpPr txBox="1"/>
      </xdr:nvSpPr>
      <xdr:spPr>
        <a:xfrm>
          <a:off x="110426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xdr:cNvCxnSpPr/>
      </xdr:nvCxnSpPr>
      <xdr:spPr>
        <a:xfrm>
          <a:off x="1127125" y="695769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1" name="テキスト ボックス 60"/>
        <xdr:cNvSpPr txBox="1"/>
      </xdr:nvSpPr>
      <xdr:spPr>
        <a:xfrm>
          <a:off x="772811" y="686389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xdr:cNvCxnSpPr/>
      </xdr:nvCxnSpPr>
      <xdr:spPr>
        <a:xfrm>
          <a:off x="1127125" y="6653077"/>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xdr:cNvSpPr txBox="1"/>
      </xdr:nvSpPr>
      <xdr:spPr>
        <a:xfrm>
          <a:off x="772811" y="656308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xdr:cNvCxnSpPr/>
      </xdr:nvCxnSpPr>
      <xdr:spPr>
        <a:xfrm>
          <a:off x="1127125" y="6352268"/>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xdr:cNvSpPr txBox="1"/>
      </xdr:nvSpPr>
      <xdr:spPr>
        <a:xfrm>
          <a:off x="772811" y="626227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xdr:cNvCxnSpPr/>
      </xdr:nvCxnSpPr>
      <xdr:spPr>
        <a:xfrm>
          <a:off x="1127125" y="6051459"/>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xdr:cNvSpPr txBox="1"/>
      </xdr:nvSpPr>
      <xdr:spPr>
        <a:xfrm>
          <a:off x="772811" y="595765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xdr:cNvCxnSpPr/>
      </xdr:nvCxnSpPr>
      <xdr:spPr>
        <a:xfrm>
          <a:off x="1127125" y="5750651"/>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xdr:cNvSpPr txBox="1"/>
      </xdr:nvSpPr>
      <xdr:spPr>
        <a:xfrm>
          <a:off x="772811" y="565685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xdr:cNvCxnSpPr/>
      </xdr:nvCxnSpPr>
      <xdr:spPr>
        <a:xfrm>
          <a:off x="1127125" y="5449842"/>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xdr:cNvSpPr txBox="1"/>
      </xdr:nvSpPr>
      <xdr:spPr>
        <a:xfrm>
          <a:off x="772811" y="5356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xdr:cNvCxnSpPr/>
      </xdr:nvCxnSpPr>
      <xdr:spPr>
        <a:xfrm>
          <a:off x="1127125" y="5145223"/>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xdr:cNvSpPr txBox="1"/>
      </xdr:nvSpPr>
      <xdr:spPr>
        <a:xfrm>
          <a:off x="772811" y="50552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xdr:cNvCxnSpPr/>
      </xdr:nvCxnSpPr>
      <xdr:spPr>
        <a:xfrm>
          <a:off x="1127125" y="4844415"/>
          <a:ext cx="373888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xdr:cNvSpPr txBox="1"/>
      </xdr:nvSpPr>
      <xdr:spPr>
        <a:xfrm>
          <a:off x="772811" y="475442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xdr:cNvSpPr/>
      </xdr:nvSpPr>
      <xdr:spPr>
        <a:xfrm>
          <a:off x="1127125" y="4844415"/>
          <a:ext cx="373888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45811</xdr:rowOff>
    </xdr:from>
    <xdr:to>
      <xdr:col>23</xdr:col>
      <xdr:colOff>85090</xdr:colOff>
      <xdr:row>33</xdr:row>
      <xdr:rowOff>149044</xdr:rowOff>
    </xdr:to>
    <xdr:cxnSp macro="">
      <xdr:nvCxnSpPr>
        <xdr:cNvPr id="77" name="直線コネクタ 76"/>
        <xdr:cNvCxnSpPr/>
      </xdr:nvCxnSpPr>
      <xdr:spPr>
        <a:xfrm flipV="1">
          <a:off x="4206240" y="5326471"/>
          <a:ext cx="1270" cy="11090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8" name="有形固定資産減価償却率最小値テキスト"/>
        <xdr:cNvSpPr txBox="1"/>
      </xdr:nvSpPr>
      <xdr:spPr>
        <a:xfrm>
          <a:off x="4258945" y="64393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9" name="直線コネクタ 78"/>
        <xdr:cNvCxnSpPr/>
      </xdr:nvCxnSpPr>
      <xdr:spPr>
        <a:xfrm>
          <a:off x="4119245" y="6435544"/>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63938</xdr:rowOff>
    </xdr:from>
    <xdr:ext cx="405111" cy="259045"/>
    <xdr:sp macro="" textlink="">
      <xdr:nvSpPr>
        <xdr:cNvPr id="80" name="有形固定資産減価償却率最大値テキスト"/>
        <xdr:cNvSpPr txBox="1"/>
      </xdr:nvSpPr>
      <xdr:spPr>
        <a:xfrm>
          <a:off x="4258945" y="51093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45811</xdr:rowOff>
    </xdr:from>
    <xdr:to>
      <xdr:col>23</xdr:col>
      <xdr:colOff>174625</xdr:colOff>
      <xdr:row>27</xdr:row>
      <xdr:rowOff>45811</xdr:rowOff>
    </xdr:to>
    <xdr:cxnSp macro="">
      <xdr:nvCxnSpPr>
        <xdr:cNvPr id="81" name="直線コネクタ 80"/>
        <xdr:cNvCxnSpPr/>
      </xdr:nvCxnSpPr>
      <xdr:spPr>
        <a:xfrm>
          <a:off x="4119245" y="5326471"/>
          <a:ext cx="17018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129648</xdr:rowOff>
    </xdr:from>
    <xdr:ext cx="405111" cy="259045"/>
    <xdr:sp macro="" textlink="">
      <xdr:nvSpPr>
        <xdr:cNvPr id="82" name="有形固定資産減価償却率平均値テキスト"/>
        <xdr:cNvSpPr txBox="1"/>
      </xdr:nvSpPr>
      <xdr:spPr>
        <a:xfrm>
          <a:off x="4258945" y="574558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6771</xdr:rowOff>
    </xdr:from>
    <xdr:to>
      <xdr:col>23</xdr:col>
      <xdr:colOff>136525</xdr:colOff>
      <xdr:row>31</xdr:row>
      <xdr:rowOff>36921</xdr:rowOff>
    </xdr:to>
    <xdr:sp macro="" textlink="">
      <xdr:nvSpPr>
        <xdr:cNvPr id="83" name="フローチャート: 判断 82"/>
        <xdr:cNvSpPr/>
      </xdr:nvSpPr>
      <xdr:spPr>
        <a:xfrm>
          <a:off x="4157345" y="589035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49951</xdr:rowOff>
    </xdr:from>
    <xdr:to>
      <xdr:col>19</xdr:col>
      <xdr:colOff>187325</xdr:colOff>
      <xdr:row>31</xdr:row>
      <xdr:rowOff>80101</xdr:rowOff>
    </xdr:to>
    <xdr:sp macro="" textlink="">
      <xdr:nvSpPr>
        <xdr:cNvPr id="84" name="フローチャート: 判断 83"/>
        <xdr:cNvSpPr/>
      </xdr:nvSpPr>
      <xdr:spPr>
        <a:xfrm>
          <a:off x="3537585" y="593353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25276</xdr:rowOff>
    </xdr:from>
    <xdr:to>
      <xdr:col>15</xdr:col>
      <xdr:colOff>187325</xdr:colOff>
      <xdr:row>31</xdr:row>
      <xdr:rowOff>55426</xdr:rowOff>
    </xdr:to>
    <xdr:sp macro="" textlink="">
      <xdr:nvSpPr>
        <xdr:cNvPr id="85" name="フローチャート: 判断 84"/>
        <xdr:cNvSpPr/>
      </xdr:nvSpPr>
      <xdr:spPr>
        <a:xfrm>
          <a:off x="2867025" y="590885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2192</xdr:rowOff>
    </xdr:from>
    <xdr:to>
      <xdr:col>11</xdr:col>
      <xdr:colOff>187325</xdr:colOff>
      <xdr:row>31</xdr:row>
      <xdr:rowOff>52342</xdr:rowOff>
    </xdr:to>
    <xdr:sp macro="" textlink="">
      <xdr:nvSpPr>
        <xdr:cNvPr id="86" name="フローチャート: 判断 85"/>
        <xdr:cNvSpPr/>
      </xdr:nvSpPr>
      <xdr:spPr>
        <a:xfrm>
          <a:off x="2196465" y="590577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1</xdr:row>
      <xdr:rowOff>55608</xdr:rowOff>
    </xdr:from>
    <xdr:to>
      <xdr:col>7</xdr:col>
      <xdr:colOff>187325</xdr:colOff>
      <xdr:row>31</xdr:row>
      <xdr:rowOff>157208</xdr:rowOff>
    </xdr:to>
    <xdr:sp macro="" textlink="">
      <xdr:nvSpPr>
        <xdr:cNvPr id="87" name="フローチャート: 判断 86"/>
        <xdr:cNvSpPr/>
      </xdr:nvSpPr>
      <xdr:spPr>
        <a:xfrm>
          <a:off x="1525905" y="600682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xdr:cNvSpPr txBox="1"/>
      </xdr:nvSpPr>
      <xdr:spPr>
        <a:xfrm>
          <a:off x="40532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xdr:cNvSpPr txBox="1"/>
      </xdr:nvSpPr>
      <xdr:spPr>
        <a:xfrm>
          <a:off x="34334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xdr:cNvSpPr txBox="1"/>
      </xdr:nvSpPr>
      <xdr:spPr>
        <a:xfrm>
          <a:off x="27628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xdr:cNvSpPr txBox="1"/>
      </xdr:nvSpPr>
      <xdr:spPr>
        <a:xfrm>
          <a:off x="20923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xdr:cNvSpPr txBox="1"/>
      </xdr:nvSpPr>
      <xdr:spPr>
        <a:xfrm>
          <a:off x="14217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2</xdr:row>
      <xdr:rowOff>72299</xdr:rowOff>
    </xdr:from>
    <xdr:to>
      <xdr:col>23</xdr:col>
      <xdr:colOff>136525</xdr:colOff>
      <xdr:row>33</xdr:row>
      <xdr:rowOff>2449</xdr:rowOff>
    </xdr:to>
    <xdr:sp macro="" textlink="">
      <xdr:nvSpPr>
        <xdr:cNvPr id="93" name="楕円 92"/>
        <xdr:cNvSpPr/>
      </xdr:nvSpPr>
      <xdr:spPr>
        <a:xfrm>
          <a:off x="4157345" y="619115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50726</xdr:rowOff>
    </xdr:from>
    <xdr:ext cx="405111" cy="259045"/>
    <xdr:sp macro="" textlink="">
      <xdr:nvSpPr>
        <xdr:cNvPr id="94" name="有形固定資産減価償却率該当値テキスト"/>
        <xdr:cNvSpPr txBox="1"/>
      </xdr:nvSpPr>
      <xdr:spPr>
        <a:xfrm>
          <a:off x="4258945" y="6169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2</xdr:row>
      <xdr:rowOff>75383</xdr:rowOff>
    </xdr:from>
    <xdr:to>
      <xdr:col>19</xdr:col>
      <xdr:colOff>187325</xdr:colOff>
      <xdr:row>33</xdr:row>
      <xdr:rowOff>5533</xdr:rowOff>
    </xdr:to>
    <xdr:sp macro="" textlink="">
      <xdr:nvSpPr>
        <xdr:cNvPr id="95" name="楕円 94"/>
        <xdr:cNvSpPr/>
      </xdr:nvSpPr>
      <xdr:spPr>
        <a:xfrm>
          <a:off x="3537585" y="619424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2</xdr:row>
      <xdr:rowOff>123099</xdr:rowOff>
    </xdr:from>
    <xdr:to>
      <xdr:col>23</xdr:col>
      <xdr:colOff>85725</xdr:colOff>
      <xdr:row>32</xdr:row>
      <xdr:rowOff>126183</xdr:rowOff>
    </xdr:to>
    <xdr:cxnSp macro="">
      <xdr:nvCxnSpPr>
        <xdr:cNvPr id="96" name="直線コネクタ 95"/>
        <xdr:cNvCxnSpPr/>
      </xdr:nvCxnSpPr>
      <xdr:spPr>
        <a:xfrm flipV="1">
          <a:off x="3588385" y="6241959"/>
          <a:ext cx="619760" cy="3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2</xdr:row>
      <xdr:rowOff>44541</xdr:rowOff>
    </xdr:from>
    <xdr:to>
      <xdr:col>15</xdr:col>
      <xdr:colOff>187325</xdr:colOff>
      <xdr:row>32</xdr:row>
      <xdr:rowOff>146141</xdr:rowOff>
    </xdr:to>
    <xdr:sp macro="" textlink="">
      <xdr:nvSpPr>
        <xdr:cNvPr id="97" name="楕円 96"/>
        <xdr:cNvSpPr/>
      </xdr:nvSpPr>
      <xdr:spPr>
        <a:xfrm>
          <a:off x="2867025" y="616340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2</xdr:row>
      <xdr:rowOff>95341</xdr:rowOff>
    </xdr:from>
    <xdr:to>
      <xdr:col>19</xdr:col>
      <xdr:colOff>136525</xdr:colOff>
      <xdr:row>32</xdr:row>
      <xdr:rowOff>126183</xdr:rowOff>
    </xdr:to>
    <xdr:cxnSp macro="">
      <xdr:nvCxnSpPr>
        <xdr:cNvPr id="98" name="直線コネクタ 97"/>
        <xdr:cNvCxnSpPr/>
      </xdr:nvCxnSpPr>
      <xdr:spPr>
        <a:xfrm>
          <a:off x="2917825" y="6214201"/>
          <a:ext cx="670560" cy="308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166642</xdr:rowOff>
    </xdr:from>
    <xdr:to>
      <xdr:col>11</xdr:col>
      <xdr:colOff>187325</xdr:colOff>
      <xdr:row>32</xdr:row>
      <xdr:rowOff>96792</xdr:rowOff>
    </xdr:to>
    <xdr:sp macro="" textlink="">
      <xdr:nvSpPr>
        <xdr:cNvPr id="99" name="楕円 98"/>
        <xdr:cNvSpPr/>
      </xdr:nvSpPr>
      <xdr:spPr>
        <a:xfrm>
          <a:off x="2196465" y="611786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2</xdr:row>
      <xdr:rowOff>45992</xdr:rowOff>
    </xdr:from>
    <xdr:to>
      <xdr:col>15</xdr:col>
      <xdr:colOff>136525</xdr:colOff>
      <xdr:row>32</xdr:row>
      <xdr:rowOff>95341</xdr:rowOff>
    </xdr:to>
    <xdr:cxnSp macro="">
      <xdr:nvCxnSpPr>
        <xdr:cNvPr id="100" name="直線コネクタ 99"/>
        <xdr:cNvCxnSpPr/>
      </xdr:nvCxnSpPr>
      <xdr:spPr>
        <a:xfrm>
          <a:off x="2247265" y="6164852"/>
          <a:ext cx="670560" cy="493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1</xdr:row>
      <xdr:rowOff>123462</xdr:rowOff>
    </xdr:from>
    <xdr:to>
      <xdr:col>7</xdr:col>
      <xdr:colOff>187325</xdr:colOff>
      <xdr:row>32</xdr:row>
      <xdr:rowOff>53612</xdr:rowOff>
    </xdr:to>
    <xdr:sp macro="" textlink="">
      <xdr:nvSpPr>
        <xdr:cNvPr id="101" name="楕円 100"/>
        <xdr:cNvSpPr/>
      </xdr:nvSpPr>
      <xdr:spPr>
        <a:xfrm>
          <a:off x="1525905" y="607468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2</xdr:row>
      <xdr:rowOff>2812</xdr:rowOff>
    </xdr:from>
    <xdr:to>
      <xdr:col>11</xdr:col>
      <xdr:colOff>136525</xdr:colOff>
      <xdr:row>32</xdr:row>
      <xdr:rowOff>45992</xdr:rowOff>
    </xdr:to>
    <xdr:cxnSp macro="">
      <xdr:nvCxnSpPr>
        <xdr:cNvPr id="102" name="直線コネクタ 101"/>
        <xdr:cNvCxnSpPr/>
      </xdr:nvCxnSpPr>
      <xdr:spPr>
        <a:xfrm>
          <a:off x="1576705" y="6121672"/>
          <a:ext cx="670560" cy="43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9</xdr:row>
      <xdr:rowOff>96628</xdr:rowOff>
    </xdr:from>
    <xdr:ext cx="405111" cy="259045"/>
    <xdr:sp macro="" textlink="">
      <xdr:nvSpPr>
        <xdr:cNvPr id="103" name="n_1aveValue有形固定資産減価償却率"/>
        <xdr:cNvSpPr txBox="1"/>
      </xdr:nvSpPr>
      <xdr:spPr>
        <a:xfrm>
          <a:off x="3395989" y="571256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71953</xdr:rowOff>
    </xdr:from>
    <xdr:ext cx="405111" cy="259045"/>
    <xdr:sp macro="" textlink="">
      <xdr:nvSpPr>
        <xdr:cNvPr id="104" name="n_2aveValue有形固定資産減価償却率"/>
        <xdr:cNvSpPr txBox="1"/>
      </xdr:nvSpPr>
      <xdr:spPr>
        <a:xfrm>
          <a:off x="2738129" y="5687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68869</xdr:rowOff>
    </xdr:from>
    <xdr:ext cx="405111" cy="259045"/>
    <xdr:sp macro="" textlink="">
      <xdr:nvSpPr>
        <xdr:cNvPr id="105" name="n_3aveValue有形固定資産減価償却率"/>
        <xdr:cNvSpPr txBox="1"/>
      </xdr:nvSpPr>
      <xdr:spPr>
        <a:xfrm>
          <a:off x="2067569" y="56848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2285</xdr:rowOff>
    </xdr:from>
    <xdr:ext cx="405111" cy="259045"/>
    <xdr:sp macro="" textlink="">
      <xdr:nvSpPr>
        <xdr:cNvPr id="106" name="n_4aveValue有形固定資産減価償却率"/>
        <xdr:cNvSpPr txBox="1"/>
      </xdr:nvSpPr>
      <xdr:spPr>
        <a:xfrm>
          <a:off x="1397009" y="5785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2</xdr:row>
      <xdr:rowOff>168110</xdr:rowOff>
    </xdr:from>
    <xdr:ext cx="405111" cy="259045"/>
    <xdr:sp macro="" textlink="">
      <xdr:nvSpPr>
        <xdr:cNvPr id="107" name="n_1mainValue有形固定資産減価償却率"/>
        <xdr:cNvSpPr txBox="1"/>
      </xdr:nvSpPr>
      <xdr:spPr>
        <a:xfrm>
          <a:off x="3395989" y="6286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2</xdr:row>
      <xdr:rowOff>137268</xdr:rowOff>
    </xdr:from>
    <xdr:ext cx="405111" cy="259045"/>
    <xdr:sp macro="" textlink="">
      <xdr:nvSpPr>
        <xdr:cNvPr id="108" name="n_2mainValue有形固定資産減価償却率"/>
        <xdr:cNvSpPr txBox="1"/>
      </xdr:nvSpPr>
      <xdr:spPr>
        <a:xfrm>
          <a:off x="2738129" y="62561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87919</xdr:rowOff>
    </xdr:from>
    <xdr:ext cx="405111" cy="259045"/>
    <xdr:sp macro="" textlink="">
      <xdr:nvSpPr>
        <xdr:cNvPr id="109" name="n_3mainValue有形固定資産減価償却率"/>
        <xdr:cNvSpPr txBox="1"/>
      </xdr:nvSpPr>
      <xdr:spPr>
        <a:xfrm>
          <a:off x="2067569" y="6206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2</xdr:row>
      <xdr:rowOff>44739</xdr:rowOff>
    </xdr:from>
    <xdr:ext cx="405111" cy="259045"/>
    <xdr:sp macro="" textlink="">
      <xdr:nvSpPr>
        <xdr:cNvPr id="110" name="n_4mainValue有形固定資産減価償却率"/>
        <xdr:cNvSpPr txBox="1"/>
      </xdr:nvSpPr>
      <xdr:spPr>
        <a:xfrm>
          <a:off x="1397009" y="61635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xdr:cNvSpPr/>
      </xdr:nvSpPr>
      <xdr:spPr>
        <a:xfrm>
          <a:off x="9971405" y="4180205"/>
          <a:ext cx="3716020" cy="29083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xdr:cNvSpPr/>
      </xdr:nvSpPr>
      <xdr:spPr>
        <a:xfrm>
          <a:off x="10904488" y="4523677"/>
          <a:ext cx="920214" cy="26809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xdr:cNvSpPr/>
      </xdr:nvSpPr>
      <xdr:spPr>
        <a:xfrm>
          <a:off x="12292181" y="4507006"/>
          <a:ext cx="595928" cy="30143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xdr:cNvSpPr/>
      </xdr:nvSpPr>
      <xdr:spPr>
        <a:xfrm>
          <a:off x="1365948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xdr:cNvSpPr/>
      </xdr:nvSpPr>
      <xdr:spPr>
        <a:xfrm>
          <a:off x="1365948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xdr:cNvSpPr/>
      </xdr:nvSpPr>
      <xdr:spPr>
        <a:xfrm>
          <a:off x="1500060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xdr:cNvSpPr/>
      </xdr:nvSpPr>
      <xdr:spPr>
        <a:xfrm>
          <a:off x="1500060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xdr:cNvSpPr/>
      </xdr:nvSpPr>
      <xdr:spPr>
        <a:xfrm>
          <a:off x="16445865" y="4293870"/>
          <a:ext cx="1341120" cy="24066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xdr:cNvSpPr/>
      </xdr:nvSpPr>
      <xdr:spPr>
        <a:xfrm>
          <a:off x="16445865" y="4471035"/>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xdr:cNvSpPr/>
      </xdr:nvSpPr>
      <xdr:spPr>
        <a:xfrm>
          <a:off x="9971405" y="4844415"/>
          <a:ext cx="3716020" cy="211328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xdr:cNvSpPr/>
      </xdr:nvSpPr>
      <xdr:spPr>
        <a:xfrm>
          <a:off x="13931265" y="4844415"/>
          <a:ext cx="4191000" cy="2113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xdr:cNvSpPr/>
      </xdr:nvSpPr>
      <xdr:spPr>
        <a:xfrm>
          <a:off x="13931265" y="4907915"/>
          <a:ext cx="40233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xdr:cNvSpPr txBox="1"/>
      </xdr:nvSpPr>
      <xdr:spPr>
        <a:xfrm>
          <a:off x="14007465" y="5128895"/>
          <a:ext cx="4010660" cy="1739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将来負担額よりも充当可能基金残高が大きいため、算出されていない。</a:t>
          </a:r>
          <a:endParaRPr lang="ja-JP" altLang="ja-JP">
            <a:effectLst/>
            <a:latin typeface="ＭＳ ゴシック" panose="020B0609070205080204" pitchFamily="49" charset="-128"/>
            <a:ea typeface="ＭＳ ゴシック" panose="020B0609070205080204" pitchFamily="49" charset="-128"/>
          </a:endParaRPr>
        </a:p>
      </xdr:txBody>
    </xdr:sp>
    <xdr:clientData/>
  </xdr:twoCellAnchor>
  <xdr:oneCellAnchor>
    <xdr:from>
      <xdr:col>57</xdr:col>
      <xdr:colOff>111125</xdr:colOff>
      <xdr:row>23</xdr:row>
      <xdr:rowOff>47625</xdr:rowOff>
    </xdr:from>
    <xdr:ext cx="349839" cy="225703"/>
    <xdr:sp macro="" textlink="">
      <xdr:nvSpPr>
        <xdr:cNvPr id="124" name="テキスト ボックス 123"/>
        <xdr:cNvSpPr txBox="1"/>
      </xdr:nvSpPr>
      <xdr:spPr>
        <a:xfrm>
          <a:off x="9933305" y="465772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xdr:cNvCxnSpPr/>
      </xdr:nvCxnSpPr>
      <xdr:spPr>
        <a:xfrm>
          <a:off x="9971405" y="695769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6" name="テキスト ボックス 125"/>
        <xdr:cNvSpPr txBox="1"/>
      </xdr:nvSpPr>
      <xdr:spPr>
        <a:xfrm>
          <a:off x="9542936" y="686389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xdr:cNvCxnSpPr/>
      </xdr:nvCxnSpPr>
      <xdr:spPr>
        <a:xfrm>
          <a:off x="9971405" y="660548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8" name="テキスト ボックス 127"/>
        <xdr:cNvSpPr txBox="1"/>
      </xdr:nvSpPr>
      <xdr:spPr>
        <a:xfrm>
          <a:off x="9542936" y="651168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xdr:cNvCxnSpPr/>
      </xdr:nvCxnSpPr>
      <xdr:spPr>
        <a:xfrm>
          <a:off x="9971405" y="625326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30" name="テキスト ボックス 129"/>
        <xdr:cNvSpPr txBox="1"/>
      </xdr:nvSpPr>
      <xdr:spPr>
        <a:xfrm>
          <a:off x="9594231" y="615946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xdr:cNvCxnSpPr/>
      </xdr:nvCxnSpPr>
      <xdr:spPr>
        <a:xfrm>
          <a:off x="9971405" y="590105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32" name="テキスト ボックス 131"/>
        <xdr:cNvSpPr txBox="1"/>
      </xdr:nvSpPr>
      <xdr:spPr>
        <a:xfrm>
          <a:off x="9594231" y="580725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xdr:cNvCxnSpPr/>
      </xdr:nvCxnSpPr>
      <xdr:spPr>
        <a:xfrm>
          <a:off x="9971405" y="5548842"/>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4" name="テキスト ボックス 133"/>
        <xdr:cNvSpPr txBox="1"/>
      </xdr:nvSpPr>
      <xdr:spPr>
        <a:xfrm>
          <a:off x="9594231" y="545504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xdr:cNvCxnSpPr/>
      </xdr:nvCxnSpPr>
      <xdr:spPr>
        <a:xfrm>
          <a:off x="9971405" y="5196628"/>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xdr:cNvSpPr txBox="1"/>
      </xdr:nvSpPr>
      <xdr:spPr>
        <a:xfrm>
          <a:off x="9645528" y="510663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xdr:cNvCxnSpPr/>
      </xdr:nvCxnSpPr>
      <xdr:spPr>
        <a:xfrm>
          <a:off x="9971405" y="4844415"/>
          <a:ext cx="371602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xdr:cNvSpPr/>
      </xdr:nvSpPr>
      <xdr:spPr>
        <a:xfrm>
          <a:off x="9971405" y="4844415"/>
          <a:ext cx="3716020" cy="211328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108162</xdr:rowOff>
    </xdr:to>
    <xdr:cxnSp macro="">
      <xdr:nvCxnSpPr>
        <xdr:cNvPr id="139" name="直線コネクタ 138"/>
        <xdr:cNvCxnSpPr/>
      </xdr:nvCxnSpPr>
      <xdr:spPr>
        <a:xfrm flipV="1">
          <a:off x="13027660" y="5196628"/>
          <a:ext cx="1269" cy="13656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11989</xdr:rowOff>
    </xdr:from>
    <xdr:ext cx="469744" cy="259045"/>
    <xdr:sp macro="" textlink="">
      <xdr:nvSpPr>
        <xdr:cNvPr id="140" name="債務償還比率最小値テキスト"/>
        <xdr:cNvSpPr txBox="1"/>
      </xdr:nvSpPr>
      <xdr:spPr>
        <a:xfrm>
          <a:off x="13080365" y="65661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08162</xdr:rowOff>
    </xdr:from>
    <xdr:to>
      <xdr:col>76</xdr:col>
      <xdr:colOff>111125</xdr:colOff>
      <xdr:row>34</xdr:row>
      <xdr:rowOff>108162</xdr:rowOff>
    </xdr:to>
    <xdr:cxnSp macro="">
      <xdr:nvCxnSpPr>
        <xdr:cNvPr id="141" name="直線コネクタ 140"/>
        <xdr:cNvCxnSpPr/>
      </xdr:nvCxnSpPr>
      <xdr:spPr>
        <a:xfrm>
          <a:off x="12963525" y="656230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42" name="債務償還比率最大値テキスト"/>
        <xdr:cNvSpPr txBox="1"/>
      </xdr:nvSpPr>
      <xdr:spPr>
        <a:xfrm>
          <a:off x="13080365"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xdr:cNvCxnSpPr/>
      </xdr:nvCxnSpPr>
      <xdr:spPr>
        <a:xfrm>
          <a:off x="12963525" y="519662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4" name="債務償還比率平均値テキスト"/>
        <xdr:cNvSpPr txBox="1"/>
      </xdr:nvSpPr>
      <xdr:spPr>
        <a:xfrm>
          <a:off x="13080365" y="5124255"/>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5" name="フローチャート: 判断 144"/>
        <xdr:cNvSpPr/>
      </xdr:nvSpPr>
      <xdr:spPr>
        <a:xfrm>
          <a:off x="13001625" y="514582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6" name="フローチャート: 判断 145"/>
        <xdr:cNvSpPr/>
      </xdr:nvSpPr>
      <xdr:spPr>
        <a:xfrm>
          <a:off x="1235900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7" name="フローチャート: 判断 146"/>
        <xdr:cNvSpPr/>
      </xdr:nvSpPr>
      <xdr:spPr>
        <a:xfrm>
          <a:off x="1168844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8" name="フローチャート: 判断 147"/>
        <xdr:cNvSpPr/>
      </xdr:nvSpPr>
      <xdr:spPr>
        <a:xfrm>
          <a:off x="1101788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9" name="フローチャート: 判断 148"/>
        <xdr:cNvSpPr/>
      </xdr:nvSpPr>
      <xdr:spPr>
        <a:xfrm>
          <a:off x="10347325" y="5145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xdr:cNvSpPr txBox="1"/>
      </xdr:nvSpPr>
      <xdr:spPr>
        <a:xfrm>
          <a:off x="1287462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xdr:cNvSpPr txBox="1"/>
      </xdr:nvSpPr>
      <xdr:spPr>
        <a:xfrm>
          <a:off x="1225486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xdr:cNvSpPr txBox="1"/>
      </xdr:nvSpPr>
      <xdr:spPr>
        <a:xfrm>
          <a:off x="1158430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xdr:cNvSpPr txBox="1"/>
      </xdr:nvSpPr>
      <xdr:spPr>
        <a:xfrm>
          <a:off x="1091374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xdr:cNvSpPr txBox="1"/>
      </xdr:nvSpPr>
      <xdr:spPr>
        <a:xfrm>
          <a:off x="10243185" y="699978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22225</xdr:colOff>
      <xdr:row>26</xdr:row>
      <xdr:rowOff>119168</xdr:rowOff>
    </xdr:from>
    <xdr:to>
      <xdr:col>64</xdr:col>
      <xdr:colOff>123825</xdr:colOff>
      <xdr:row>27</xdr:row>
      <xdr:rowOff>49318</xdr:rowOff>
    </xdr:to>
    <xdr:sp macro="" textlink="">
      <xdr:nvSpPr>
        <xdr:cNvPr id="155" name="楕円 154"/>
        <xdr:cNvSpPr/>
      </xdr:nvSpPr>
      <xdr:spPr>
        <a:xfrm>
          <a:off x="11017885" y="523218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7</xdr:row>
      <xdr:rowOff>62865</xdr:rowOff>
    </xdr:from>
    <xdr:to>
      <xdr:col>60</xdr:col>
      <xdr:colOff>123825</xdr:colOff>
      <xdr:row>27</xdr:row>
      <xdr:rowOff>164465</xdr:rowOff>
    </xdr:to>
    <xdr:sp macro="" textlink="">
      <xdr:nvSpPr>
        <xdr:cNvPr id="156" name="楕円 155"/>
        <xdr:cNvSpPr/>
      </xdr:nvSpPr>
      <xdr:spPr>
        <a:xfrm>
          <a:off x="10347325" y="5343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26</xdr:row>
      <xdr:rowOff>169968</xdr:rowOff>
    </xdr:from>
    <xdr:to>
      <xdr:col>64</xdr:col>
      <xdr:colOff>73025</xdr:colOff>
      <xdr:row>27</xdr:row>
      <xdr:rowOff>113665</xdr:rowOff>
    </xdr:to>
    <xdr:cxnSp macro="">
      <xdr:nvCxnSpPr>
        <xdr:cNvPr id="157" name="直線コネクタ 156"/>
        <xdr:cNvCxnSpPr/>
      </xdr:nvCxnSpPr>
      <xdr:spPr>
        <a:xfrm flipV="1">
          <a:off x="10398125" y="5282988"/>
          <a:ext cx="670560" cy="111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80586</xdr:colOff>
      <xdr:row>24</xdr:row>
      <xdr:rowOff>150935</xdr:rowOff>
    </xdr:from>
    <xdr:ext cx="340478" cy="259045"/>
    <xdr:sp macro="" textlink="">
      <xdr:nvSpPr>
        <xdr:cNvPr id="158" name="n_1aveValue債務償還比率"/>
        <xdr:cNvSpPr txBox="1"/>
      </xdr:nvSpPr>
      <xdr:spPr>
        <a:xfrm>
          <a:off x="1224972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9" name="n_2aveValue債務償還比率"/>
        <xdr:cNvSpPr txBox="1"/>
      </xdr:nvSpPr>
      <xdr:spPr>
        <a:xfrm>
          <a:off x="1159186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60" name="n_3aveValue債務償還比率"/>
        <xdr:cNvSpPr txBox="1"/>
      </xdr:nvSpPr>
      <xdr:spPr>
        <a:xfrm>
          <a:off x="1092130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61" name="n_4aveValue債務償還比率"/>
        <xdr:cNvSpPr txBox="1"/>
      </xdr:nvSpPr>
      <xdr:spPr>
        <a:xfrm>
          <a:off x="10250746" y="492867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7</xdr:row>
      <xdr:rowOff>40445</xdr:rowOff>
    </xdr:from>
    <xdr:ext cx="340478" cy="259045"/>
    <xdr:sp macro="" textlink="">
      <xdr:nvSpPr>
        <xdr:cNvPr id="162" name="n_3mainValue債務償還比率"/>
        <xdr:cNvSpPr txBox="1"/>
      </xdr:nvSpPr>
      <xdr:spPr>
        <a:xfrm>
          <a:off x="10921306" y="532110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60969</xdr:colOff>
      <xdr:row>27</xdr:row>
      <xdr:rowOff>155592</xdr:rowOff>
    </xdr:from>
    <xdr:ext cx="405111" cy="259045"/>
    <xdr:sp macro="" textlink="">
      <xdr:nvSpPr>
        <xdr:cNvPr id="163" name="n_4mainValue債務償還比率"/>
        <xdr:cNvSpPr txBox="1"/>
      </xdr:nvSpPr>
      <xdr:spPr>
        <a:xfrm>
          <a:off x="10218429" y="5436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4" name="正方形/長方形 163"/>
        <xdr:cNvSpPr/>
      </xdr:nvSpPr>
      <xdr:spPr>
        <a:xfrm>
          <a:off x="1127125" y="7818120"/>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5" name="正方形/長方形 164"/>
        <xdr:cNvSpPr/>
      </xdr:nvSpPr>
      <xdr:spPr>
        <a:xfrm>
          <a:off x="1127125" y="11534775"/>
          <a:ext cx="5196840" cy="3352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6" name="テキスト ボックス 165"/>
        <xdr:cNvSpPr txBox="1"/>
      </xdr:nvSpPr>
      <xdr:spPr>
        <a:xfrm>
          <a:off x="817245" y="8064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7" name="テキスト ボックス 166"/>
        <xdr:cNvSpPr txBox="1"/>
      </xdr:nvSpPr>
      <xdr:spPr>
        <a:xfrm>
          <a:off x="6156325" y="106743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8" name="テキスト ボックス 167"/>
        <xdr:cNvSpPr txBox="1"/>
      </xdr:nvSpPr>
      <xdr:spPr>
        <a:xfrm>
          <a:off x="817245" y="1175575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9" name="テキスト ボックス 168"/>
        <xdr:cNvSpPr txBox="1"/>
      </xdr:nvSpPr>
      <xdr:spPr>
        <a:xfrm>
          <a:off x="6156325" y="1445069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6329680" y="1676400"/>
          <a:ext cx="32258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29920" y="3352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67056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71961" y="699499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67056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36081" y="667604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67056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36081" y="63570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67056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36081" y="603814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67056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36081" y="571538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67056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377341" y="539642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2316</xdr:rowOff>
    </xdr:to>
    <xdr:cxnSp macro="">
      <xdr:nvCxnSpPr>
        <xdr:cNvPr id="58" name="直線コネクタ 57"/>
        <xdr:cNvCxnSpPr/>
      </xdr:nvCxnSpPr>
      <xdr:spPr>
        <a:xfrm flipV="1">
          <a:off x="4086225" y="5534842"/>
          <a:ext cx="0" cy="1528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26143</xdr:rowOff>
    </xdr:from>
    <xdr:ext cx="405111" cy="259045"/>
    <xdr:sp macro="" textlink="">
      <xdr:nvSpPr>
        <xdr:cNvPr id="59" name="【道路】&#10;有形固定資産減価償却率最小値テキスト"/>
        <xdr:cNvSpPr txBox="1"/>
      </xdr:nvSpPr>
      <xdr:spPr>
        <a:xfrm>
          <a:off x="4124960" y="706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2316</xdr:rowOff>
    </xdr:from>
    <xdr:to>
      <xdr:col>24</xdr:col>
      <xdr:colOff>152400</xdr:colOff>
      <xdr:row>42</xdr:row>
      <xdr:rowOff>22316</xdr:rowOff>
    </xdr:to>
    <xdr:cxnSp macro="">
      <xdr:nvCxnSpPr>
        <xdr:cNvPr id="60" name="直線コネクタ 59"/>
        <xdr:cNvCxnSpPr/>
      </xdr:nvCxnSpPr>
      <xdr:spPr>
        <a:xfrm>
          <a:off x="4020820" y="706319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124960" y="531768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020820" y="553484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64605</xdr:rowOff>
    </xdr:from>
    <xdr:ext cx="405111" cy="259045"/>
    <xdr:sp macro="" textlink="">
      <xdr:nvSpPr>
        <xdr:cNvPr id="63" name="【道路】&#10;有形固定資産減価償却率平均値テキスト"/>
        <xdr:cNvSpPr txBox="1"/>
      </xdr:nvSpPr>
      <xdr:spPr>
        <a:xfrm>
          <a:off x="4124960" y="62672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41728</xdr:rowOff>
    </xdr:from>
    <xdr:to>
      <xdr:col>24</xdr:col>
      <xdr:colOff>114300</xdr:colOff>
      <xdr:row>38</xdr:row>
      <xdr:rowOff>143328</xdr:rowOff>
    </xdr:to>
    <xdr:sp macro="" textlink="">
      <xdr:nvSpPr>
        <xdr:cNvPr id="64" name="フローチャート: 判断 63"/>
        <xdr:cNvSpPr/>
      </xdr:nvSpPr>
      <xdr:spPr>
        <a:xfrm>
          <a:off x="4036060" y="6412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23767</xdr:rowOff>
    </xdr:from>
    <xdr:to>
      <xdr:col>20</xdr:col>
      <xdr:colOff>38100</xdr:colOff>
      <xdr:row>38</xdr:row>
      <xdr:rowOff>125367</xdr:rowOff>
    </xdr:to>
    <xdr:sp macro="" textlink="">
      <xdr:nvSpPr>
        <xdr:cNvPr id="65" name="フローチャート: 判断 64"/>
        <xdr:cNvSpPr/>
      </xdr:nvSpPr>
      <xdr:spPr>
        <a:xfrm>
          <a:off x="3312160" y="639408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56028</xdr:rowOff>
    </xdr:from>
    <xdr:to>
      <xdr:col>15</xdr:col>
      <xdr:colOff>101600</xdr:colOff>
      <xdr:row>38</xdr:row>
      <xdr:rowOff>86178</xdr:rowOff>
    </xdr:to>
    <xdr:sp macro="" textlink="">
      <xdr:nvSpPr>
        <xdr:cNvPr id="66" name="フローチャート: 判断 65"/>
        <xdr:cNvSpPr/>
      </xdr:nvSpPr>
      <xdr:spPr>
        <a:xfrm>
          <a:off x="2514600" y="635870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69487</xdr:rowOff>
    </xdr:from>
    <xdr:to>
      <xdr:col>10</xdr:col>
      <xdr:colOff>165100</xdr:colOff>
      <xdr:row>39</xdr:row>
      <xdr:rowOff>171087</xdr:rowOff>
    </xdr:to>
    <xdr:sp macro="" textlink="">
      <xdr:nvSpPr>
        <xdr:cNvPr id="67" name="フローチャート: 判断 66"/>
        <xdr:cNvSpPr/>
      </xdr:nvSpPr>
      <xdr:spPr>
        <a:xfrm>
          <a:off x="1739900" y="6607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xdr:cNvSpPr/>
      </xdr:nvSpPr>
      <xdr:spPr>
        <a:xfrm>
          <a:off x="965200" y="660744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80917</xdr:rowOff>
    </xdr:from>
    <xdr:to>
      <xdr:col>24</xdr:col>
      <xdr:colOff>114300</xdr:colOff>
      <xdr:row>40</xdr:row>
      <xdr:rowOff>11067</xdr:rowOff>
    </xdr:to>
    <xdr:sp macro="" textlink="">
      <xdr:nvSpPr>
        <xdr:cNvPr id="74" name="楕円 73"/>
        <xdr:cNvSpPr/>
      </xdr:nvSpPr>
      <xdr:spPr>
        <a:xfrm>
          <a:off x="4036060" y="66188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59344</xdr:rowOff>
    </xdr:from>
    <xdr:ext cx="405111" cy="259045"/>
    <xdr:sp macro="" textlink="">
      <xdr:nvSpPr>
        <xdr:cNvPr id="75" name="【道路】&#10;有形固定資産減価償却率該当値テキスト"/>
        <xdr:cNvSpPr txBox="1"/>
      </xdr:nvSpPr>
      <xdr:spPr>
        <a:xfrm>
          <a:off x="4124960" y="65973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82550</xdr:rowOff>
    </xdr:from>
    <xdr:to>
      <xdr:col>20</xdr:col>
      <xdr:colOff>38100</xdr:colOff>
      <xdr:row>40</xdr:row>
      <xdr:rowOff>12700</xdr:rowOff>
    </xdr:to>
    <xdr:sp macro="" textlink="">
      <xdr:nvSpPr>
        <xdr:cNvPr id="76" name="楕円 75"/>
        <xdr:cNvSpPr/>
      </xdr:nvSpPr>
      <xdr:spPr>
        <a:xfrm>
          <a:off x="3312160" y="66205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31717</xdr:rowOff>
    </xdr:from>
    <xdr:to>
      <xdr:col>24</xdr:col>
      <xdr:colOff>63500</xdr:colOff>
      <xdr:row>39</xdr:row>
      <xdr:rowOff>133350</xdr:rowOff>
    </xdr:to>
    <xdr:cxnSp macro="">
      <xdr:nvCxnSpPr>
        <xdr:cNvPr id="77" name="直線コネクタ 76"/>
        <xdr:cNvCxnSpPr/>
      </xdr:nvCxnSpPr>
      <xdr:spPr>
        <a:xfrm flipV="1">
          <a:off x="3355340" y="6669677"/>
          <a:ext cx="731520" cy="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67854</xdr:rowOff>
    </xdr:from>
    <xdr:to>
      <xdr:col>15</xdr:col>
      <xdr:colOff>101600</xdr:colOff>
      <xdr:row>39</xdr:row>
      <xdr:rowOff>169454</xdr:rowOff>
    </xdr:to>
    <xdr:sp macro="" textlink="">
      <xdr:nvSpPr>
        <xdr:cNvPr id="78" name="楕円 77"/>
        <xdr:cNvSpPr/>
      </xdr:nvSpPr>
      <xdr:spPr>
        <a:xfrm>
          <a:off x="2514600" y="6605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118654</xdr:rowOff>
    </xdr:from>
    <xdr:to>
      <xdr:col>19</xdr:col>
      <xdr:colOff>177800</xdr:colOff>
      <xdr:row>39</xdr:row>
      <xdr:rowOff>133350</xdr:rowOff>
    </xdr:to>
    <xdr:cxnSp macro="">
      <xdr:nvCxnSpPr>
        <xdr:cNvPr id="79" name="直線コネクタ 78"/>
        <xdr:cNvCxnSpPr/>
      </xdr:nvCxnSpPr>
      <xdr:spPr>
        <a:xfrm>
          <a:off x="2565400" y="6656614"/>
          <a:ext cx="789940" cy="14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9</xdr:row>
      <xdr:rowOff>44994</xdr:rowOff>
    </xdr:from>
    <xdr:to>
      <xdr:col>10</xdr:col>
      <xdr:colOff>165100</xdr:colOff>
      <xdr:row>39</xdr:row>
      <xdr:rowOff>146594</xdr:rowOff>
    </xdr:to>
    <xdr:sp macro="" textlink="">
      <xdr:nvSpPr>
        <xdr:cNvPr id="80" name="楕円 79"/>
        <xdr:cNvSpPr/>
      </xdr:nvSpPr>
      <xdr:spPr>
        <a:xfrm>
          <a:off x="1739900" y="6582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95794</xdr:rowOff>
    </xdr:from>
    <xdr:to>
      <xdr:col>15</xdr:col>
      <xdr:colOff>50800</xdr:colOff>
      <xdr:row>39</xdr:row>
      <xdr:rowOff>118654</xdr:rowOff>
    </xdr:to>
    <xdr:cxnSp macro="">
      <xdr:nvCxnSpPr>
        <xdr:cNvPr id="81" name="直線コネクタ 80"/>
        <xdr:cNvCxnSpPr/>
      </xdr:nvCxnSpPr>
      <xdr:spPr>
        <a:xfrm>
          <a:off x="1790700" y="6633754"/>
          <a:ext cx="7747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7236</xdr:rowOff>
    </xdr:from>
    <xdr:to>
      <xdr:col>6</xdr:col>
      <xdr:colOff>38100</xdr:colOff>
      <xdr:row>37</xdr:row>
      <xdr:rowOff>118836</xdr:rowOff>
    </xdr:to>
    <xdr:sp macro="" textlink="">
      <xdr:nvSpPr>
        <xdr:cNvPr id="82" name="楕円 81"/>
        <xdr:cNvSpPr/>
      </xdr:nvSpPr>
      <xdr:spPr>
        <a:xfrm>
          <a:off x="965200" y="621991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68036</xdr:rowOff>
    </xdr:from>
    <xdr:to>
      <xdr:col>10</xdr:col>
      <xdr:colOff>114300</xdr:colOff>
      <xdr:row>39</xdr:row>
      <xdr:rowOff>95794</xdr:rowOff>
    </xdr:to>
    <xdr:cxnSp macro="">
      <xdr:nvCxnSpPr>
        <xdr:cNvPr id="83" name="直線コネクタ 82"/>
        <xdr:cNvCxnSpPr/>
      </xdr:nvCxnSpPr>
      <xdr:spPr>
        <a:xfrm>
          <a:off x="1008380" y="6270716"/>
          <a:ext cx="782320" cy="363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41894</xdr:rowOff>
    </xdr:from>
    <xdr:ext cx="405111" cy="259045"/>
    <xdr:sp macro="" textlink="">
      <xdr:nvSpPr>
        <xdr:cNvPr id="84" name="n_1aveValue【道路】&#10;有形固定資産減価償却率"/>
        <xdr:cNvSpPr txBox="1"/>
      </xdr:nvSpPr>
      <xdr:spPr>
        <a:xfrm>
          <a:off x="3170564" y="61769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02705</xdr:rowOff>
    </xdr:from>
    <xdr:ext cx="405111" cy="259045"/>
    <xdr:sp macro="" textlink="">
      <xdr:nvSpPr>
        <xdr:cNvPr id="85" name="n_2aveValue【道路】&#10;有形固定資産減価償却率"/>
        <xdr:cNvSpPr txBox="1"/>
      </xdr:nvSpPr>
      <xdr:spPr>
        <a:xfrm>
          <a:off x="2385704" y="6137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62214</xdr:rowOff>
    </xdr:from>
    <xdr:ext cx="405111" cy="259045"/>
    <xdr:sp macro="" textlink="">
      <xdr:nvSpPr>
        <xdr:cNvPr id="86" name="n_3aveValue【道路】&#10;有形固定資産減価償却率"/>
        <xdr:cNvSpPr txBox="1"/>
      </xdr:nvSpPr>
      <xdr:spPr>
        <a:xfrm>
          <a:off x="1611004" y="67001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162214</xdr:rowOff>
    </xdr:from>
    <xdr:ext cx="405111" cy="259045"/>
    <xdr:sp macro="" textlink="">
      <xdr:nvSpPr>
        <xdr:cNvPr id="87" name="n_4aveValue【道路】&#10;有形固定資産減価償却率"/>
        <xdr:cNvSpPr txBox="1"/>
      </xdr:nvSpPr>
      <xdr:spPr>
        <a:xfrm>
          <a:off x="836304" y="67001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0</xdr:row>
      <xdr:rowOff>3827</xdr:rowOff>
    </xdr:from>
    <xdr:ext cx="405111" cy="259045"/>
    <xdr:sp macro="" textlink="">
      <xdr:nvSpPr>
        <xdr:cNvPr id="88" name="n_1mainValue【道路】&#10;有形固定資産減価償却率"/>
        <xdr:cNvSpPr txBox="1"/>
      </xdr:nvSpPr>
      <xdr:spPr>
        <a:xfrm>
          <a:off x="3170564"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60581</xdr:rowOff>
    </xdr:from>
    <xdr:ext cx="405111" cy="259045"/>
    <xdr:sp macro="" textlink="">
      <xdr:nvSpPr>
        <xdr:cNvPr id="89" name="n_2mainValue【道路】&#10;有形固定資産減価償却率"/>
        <xdr:cNvSpPr txBox="1"/>
      </xdr:nvSpPr>
      <xdr:spPr>
        <a:xfrm>
          <a:off x="2385704" y="6698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63121</xdr:rowOff>
    </xdr:from>
    <xdr:ext cx="405111" cy="259045"/>
    <xdr:sp macro="" textlink="">
      <xdr:nvSpPr>
        <xdr:cNvPr id="90" name="n_3mainValue【道路】&#10;有形固定資産減価償却率"/>
        <xdr:cNvSpPr txBox="1"/>
      </xdr:nvSpPr>
      <xdr:spPr>
        <a:xfrm>
          <a:off x="1611004" y="6365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35363</xdr:rowOff>
    </xdr:from>
    <xdr:ext cx="405111" cy="259045"/>
    <xdr:sp macro="" textlink="">
      <xdr:nvSpPr>
        <xdr:cNvPr id="91" name="n_4mainValue【道路】&#10;有形固定資産減価償却率"/>
        <xdr:cNvSpPr txBox="1"/>
      </xdr:nvSpPr>
      <xdr:spPr>
        <a:xfrm>
          <a:off x="836304" y="6002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100" name="テキスト ボックス 99"/>
        <xdr:cNvSpPr txBox="1"/>
      </xdr:nvSpPr>
      <xdr:spPr>
        <a:xfrm>
          <a:off x="5788660" y="50292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2" name="直線コネクタ 101"/>
        <xdr:cNvCxnSpPr/>
      </xdr:nvCxnSpPr>
      <xdr:spPr>
        <a:xfrm>
          <a:off x="5826760" y="70789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3" name="テキスト ボックス 102"/>
        <xdr:cNvSpPr txBox="1"/>
      </xdr:nvSpPr>
      <xdr:spPr>
        <a:xfrm>
          <a:off x="5405301" y="69405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4" name="直線コネクタ 103"/>
        <xdr:cNvCxnSpPr/>
      </xdr:nvCxnSpPr>
      <xdr:spPr>
        <a:xfrm>
          <a:off x="5826760" y="67056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5" name="テキスト ボックス 104"/>
        <xdr:cNvSpPr txBox="1"/>
      </xdr:nvSpPr>
      <xdr:spPr>
        <a:xfrm>
          <a:off x="5405301" y="65671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6" name="直線コネクタ 105"/>
        <xdr:cNvCxnSpPr/>
      </xdr:nvCxnSpPr>
      <xdr:spPr>
        <a:xfrm>
          <a:off x="5826760" y="63360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7" name="テキスト ボックス 106"/>
        <xdr:cNvSpPr txBox="1"/>
      </xdr:nvSpPr>
      <xdr:spPr>
        <a:xfrm>
          <a:off x="5405301" y="61976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8" name="直線コネクタ 107"/>
        <xdr:cNvCxnSpPr/>
      </xdr:nvCxnSpPr>
      <xdr:spPr>
        <a:xfrm>
          <a:off x="5826760" y="59626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9" name="テキスト ボックス 108"/>
        <xdr:cNvSpPr txBox="1"/>
      </xdr:nvSpPr>
      <xdr:spPr>
        <a:xfrm>
          <a:off x="5405301" y="58242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10" name="直線コネクタ 109"/>
        <xdr:cNvCxnSpPr/>
      </xdr:nvCxnSpPr>
      <xdr:spPr>
        <a:xfrm>
          <a:off x="5826760" y="55892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11" name="テキスト ボックス 110"/>
        <xdr:cNvSpPr txBox="1"/>
      </xdr:nvSpPr>
      <xdr:spPr>
        <a:xfrm>
          <a:off x="5405301" y="54508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2" name="直線コネクタ 111"/>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3" name="テキスト ボックス 112"/>
        <xdr:cNvSpPr txBox="1"/>
      </xdr:nvSpPr>
      <xdr:spPr>
        <a:xfrm>
          <a:off x="5364041" y="50774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4" name="【道路】&#10;一人当たり延長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6667</xdr:rowOff>
    </xdr:from>
    <xdr:to>
      <xdr:col>54</xdr:col>
      <xdr:colOff>189865</xdr:colOff>
      <xdr:row>41</xdr:row>
      <xdr:rowOff>64008</xdr:rowOff>
    </xdr:to>
    <xdr:cxnSp macro="">
      <xdr:nvCxnSpPr>
        <xdr:cNvPr id="115" name="直線コネクタ 114"/>
        <xdr:cNvCxnSpPr/>
      </xdr:nvCxnSpPr>
      <xdr:spPr>
        <a:xfrm flipV="1">
          <a:off x="9219565" y="5706427"/>
          <a:ext cx="0" cy="12308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835</xdr:rowOff>
    </xdr:from>
    <xdr:ext cx="469744" cy="259045"/>
    <xdr:sp macro="" textlink="">
      <xdr:nvSpPr>
        <xdr:cNvPr id="116" name="【道路】&#10;一人当たり延長最小値テキスト"/>
        <xdr:cNvSpPr txBox="1"/>
      </xdr:nvSpPr>
      <xdr:spPr>
        <a:xfrm>
          <a:off x="9258300" y="69410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4008</xdr:rowOff>
    </xdr:from>
    <xdr:to>
      <xdr:col>55</xdr:col>
      <xdr:colOff>88900</xdr:colOff>
      <xdr:row>41</xdr:row>
      <xdr:rowOff>64008</xdr:rowOff>
    </xdr:to>
    <xdr:cxnSp macro="">
      <xdr:nvCxnSpPr>
        <xdr:cNvPr id="117" name="直線コネクタ 116"/>
        <xdr:cNvCxnSpPr/>
      </xdr:nvCxnSpPr>
      <xdr:spPr>
        <a:xfrm>
          <a:off x="9154160" y="693724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4794</xdr:rowOff>
    </xdr:from>
    <xdr:ext cx="469744" cy="259045"/>
    <xdr:sp macro="" textlink="">
      <xdr:nvSpPr>
        <xdr:cNvPr id="118" name="【道路】&#10;一人当たり延長最大値テキスト"/>
        <xdr:cNvSpPr txBox="1"/>
      </xdr:nvSpPr>
      <xdr:spPr>
        <a:xfrm>
          <a:off x="9258300" y="54892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6667</xdr:rowOff>
    </xdr:from>
    <xdr:to>
      <xdr:col>55</xdr:col>
      <xdr:colOff>88900</xdr:colOff>
      <xdr:row>34</xdr:row>
      <xdr:rowOff>6667</xdr:rowOff>
    </xdr:to>
    <xdr:cxnSp macro="">
      <xdr:nvCxnSpPr>
        <xdr:cNvPr id="119" name="直線コネクタ 118"/>
        <xdr:cNvCxnSpPr/>
      </xdr:nvCxnSpPr>
      <xdr:spPr>
        <a:xfrm>
          <a:off x="9154160" y="570642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1041</xdr:rowOff>
    </xdr:from>
    <xdr:ext cx="469744" cy="259045"/>
    <xdr:sp macro="" textlink="">
      <xdr:nvSpPr>
        <xdr:cNvPr id="120" name="【道路】&#10;一人当たり延長平均値テキスト"/>
        <xdr:cNvSpPr txBox="1"/>
      </xdr:nvSpPr>
      <xdr:spPr>
        <a:xfrm>
          <a:off x="9258300" y="65990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38164</xdr:rowOff>
    </xdr:from>
    <xdr:to>
      <xdr:col>55</xdr:col>
      <xdr:colOff>50800</xdr:colOff>
      <xdr:row>40</xdr:row>
      <xdr:rowOff>139764</xdr:rowOff>
    </xdr:to>
    <xdr:sp macro="" textlink="">
      <xdr:nvSpPr>
        <xdr:cNvPr id="121" name="フローチャート: 判断 120"/>
        <xdr:cNvSpPr/>
      </xdr:nvSpPr>
      <xdr:spPr>
        <a:xfrm>
          <a:off x="9192260" y="674376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2639</xdr:rowOff>
    </xdr:from>
    <xdr:to>
      <xdr:col>50</xdr:col>
      <xdr:colOff>165100</xdr:colOff>
      <xdr:row>40</xdr:row>
      <xdr:rowOff>134239</xdr:rowOff>
    </xdr:to>
    <xdr:sp macro="" textlink="">
      <xdr:nvSpPr>
        <xdr:cNvPr id="122" name="フローチャート: 判断 121"/>
        <xdr:cNvSpPr/>
      </xdr:nvSpPr>
      <xdr:spPr>
        <a:xfrm>
          <a:off x="8445500" y="6738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4925</xdr:rowOff>
    </xdr:from>
    <xdr:to>
      <xdr:col>46</xdr:col>
      <xdr:colOff>38100</xdr:colOff>
      <xdr:row>40</xdr:row>
      <xdr:rowOff>136525</xdr:rowOff>
    </xdr:to>
    <xdr:sp macro="" textlink="">
      <xdr:nvSpPr>
        <xdr:cNvPr id="123" name="フローチャート: 判断 122"/>
        <xdr:cNvSpPr/>
      </xdr:nvSpPr>
      <xdr:spPr>
        <a:xfrm>
          <a:off x="7670800" y="674052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9601</xdr:rowOff>
    </xdr:from>
    <xdr:to>
      <xdr:col>41</xdr:col>
      <xdr:colOff>101600</xdr:colOff>
      <xdr:row>41</xdr:row>
      <xdr:rowOff>39751</xdr:rowOff>
    </xdr:to>
    <xdr:sp macro="" textlink="">
      <xdr:nvSpPr>
        <xdr:cNvPr id="124" name="フローチャート: 判断 123"/>
        <xdr:cNvSpPr/>
      </xdr:nvSpPr>
      <xdr:spPr>
        <a:xfrm>
          <a:off x="6873240" y="681520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1303</xdr:rowOff>
    </xdr:from>
    <xdr:to>
      <xdr:col>36</xdr:col>
      <xdr:colOff>165100</xdr:colOff>
      <xdr:row>39</xdr:row>
      <xdr:rowOff>112903</xdr:rowOff>
    </xdr:to>
    <xdr:sp macro="" textlink="">
      <xdr:nvSpPr>
        <xdr:cNvPr id="125" name="フローチャート: 判断 124"/>
        <xdr:cNvSpPr/>
      </xdr:nvSpPr>
      <xdr:spPr>
        <a:xfrm>
          <a:off x="6098540" y="6549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6" name="テキスト ボックス 125"/>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7" name="テキスト ボックス 126"/>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8" name="テキスト ボックス 127"/>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9" name="テキスト ボックス 128"/>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0" name="テキスト ボックス 129"/>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68084</xdr:rowOff>
    </xdr:from>
    <xdr:to>
      <xdr:col>55</xdr:col>
      <xdr:colOff>50800</xdr:colOff>
      <xdr:row>41</xdr:row>
      <xdr:rowOff>98234</xdr:rowOff>
    </xdr:to>
    <xdr:sp macro="" textlink="">
      <xdr:nvSpPr>
        <xdr:cNvPr id="131" name="楕円 130"/>
        <xdr:cNvSpPr/>
      </xdr:nvSpPr>
      <xdr:spPr>
        <a:xfrm>
          <a:off x="9192260" y="687368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83011</xdr:rowOff>
    </xdr:from>
    <xdr:ext cx="469744" cy="259045"/>
    <xdr:sp macro="" textlink="">
      <xdr:nvSpPr>
        <xdr:cNvPr id="132" name="【道路】&#10;一人当たり延長該当値テキスト"/>
        <xdr:cNvSpPr txBox="1"/>
      </xdr:nvSpPr>
      <xdr:spPr>
        <a:xfrm>
          <a:off x="9258300" y="6788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66942</xdr:rowOff>
    </xdr:from>
    <xdr:to>
      <xdr:col>50</xdr:col>
      <xdr:colOff>165100</xdr:colOff>
      <xdr:row>41</xdr:row>
      <xdr:rowOff>97092</xdr:rowOff>
    </xdr:to>
    <xdr:sp macro="" textlink="">
      <xdr:nvSpPr>
        <xdr:cNvPr id="133" name="楕円 132"/>
        <xdr:cNvSpPr/>
      </xdr:nvSpPr>
      <xdr:spPr>
        <a:xfrm>
          <a:off x="8445500" y="687254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46292</xdr:rowOff>
    </xdr:from>
    <xdr:to>
      <xdr:col>55</xdr:col>
      <xdr:colOff>0</xdr:colOff>
      <xdr:row>41</xdr:row>
      <xdr:rowOff>47434</xdr:rowOff>
    </xdr:to>
    <xdr:cxnSp macro="">
      <xdr:nvCxnSpPr>
        <xdr:cNvPr id="134" name="直線コネクタ 133"/>
        <xdr:cNvCxnSpPr/>
      </xdr:nvCxnSpPr>
      <xdr:spPr>
        <a:xfrm>
          <a:off x="8496300" y="6919532"/>
          <a:ext cx="723900" cy="1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65608</xdr:rowOff>
    </xdr:from>
    <xdr:to>
      <xdr:col>46</xdr:col>
      <xdr:colOff>38100</xdr:colOff>
      <xdr:row>41</xdr:row>
      <xdr:rowOff>95758</xdr:rowOff>
    </xdr:to>
    <xdr:sp macro="" textlink="">
      <xdr:nvSpPr>
        <xdr:cNvPr id="135" name="楕円 134"/>
        <xdr:cNvSpPr/>
      </xdr:nvSpPr>
      <xdr:spPr>
        <a:xfrm>
          <a:off x="7670800" y="6871208"/>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44958</xdr:rowOff>
    </xdr:from>
    <xdr:to>
      <xdr:col>50</xdr:col>
      <xdr:colOff>114300</xdr:colOff>
      <xdr:row>41</xdr:row>
      <xdr:rowOff>46292</xdr:rowOff>
    </xdr:to>
    <xdr:cxnSp macro="">
      <xdr:nvCxnSpPr>
        <xdr:cNvPr id="136" name="直線コネクタ 135"/>
        <xdr:cNvCxnSpPr/>
      </xdr:nvCxnSpPr>
      <xdr:spPr>
        <a:xfrm>
          <a:off x="7713980" y="6918198"/>
          <a:ext cx="782320" cy="1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63703</xdr:rowOff>
    </xdr:from>
    <xdr:to>
      <xdr:col>41</xdr:col>
      <xdr:colOff>101600</xdr:colOff>
      <xdr:row>41</xdr:row>
      <xdr:rowOff>93853</xdr:rowOff>
    </xdr:to>
    <xdr:sp macro="" textlink="">
      <xdr:nvSpPr>
        <xdr:cNvPr id="137" name="楕円 136"/>
        <xdr:cNvSpPr/>
      </xdr:nvSpPr>
      <xdr:spPr>
        <a:xfrm>
          <a:off x="6873240" y="686930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43053</xdr:rowOff>
    </xdr:from>
    <xdr:to>
      <xdr:col>45</xdr:col>
      <xdr:colOff>177800</xdr:colOff>
      <xdr:row>41</xdr:row>
      <xdr:rowOff>44958</xdr:rowOff>
    </xdr:to>
    <xdr:cxnSp macro="">
      <xdr:nvCxnSpPr>
        <xdr:cNvPr id="138" name="直線コネクタ 137"/>
        <xdr:cNvCxnSpPr/>
      </xdr:nvCxnSpPr>
      <xdr:spPr>
        <a:xfrm>
          <a:off x="6924040" y="6916293"/>
          <a:ext cx="78994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61989</xdr:rowOff>
    </xdr:from>
    <xdr:to>
      <xdr:col>36</xdr:col>
      <xdr:colOff>165100</xdr:colOff>
      <xdr:row>41</xdr:row>
      <xdr:rowOff>92139</xdr:rowOff>
    </xdr:to>
    <xdr:sp macro="" textlink="">
      <xdr:nvSpPr>
        <xdr:cNvPr id="139" name="楕円 138"/>
        <xdr:cNvSpPr/>
      </xdr:nvSpPr>
      <xdr:spPr>
        <a:xfrm>
          <a:off x="6098540" y="686758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41339</xdr:rowOff>
    </xdr:from>
    <xdr:to>
      <xdr:col>41</xdr:col>
      <xdr:colOff>50800</xdr:colOff>
      <xdr:row>41</xdr:row>
      <xdr:rowOff>43053</xdr:rowOff>
    </xdr:to>
    <xdr:cxnSp macro="">
      <xdr:nvCxnSpPr>
        <xdr:cNvPr id="140" name="直線コネクタ 139"/>
        <xdr:cNvCxnSpPr/>
      </xdr:nvCxnSpPr>
      <xdr:spPr>
        <a:xfrm>
          <a:off x="6149340" y="6914579"/>
          <a:ext cx="774700" cy="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0766</xdr:rowOff>
    </xdr:from>
    <xdr:ext cx="469744" cy="259045"/>
    <xdr:sp macro="" textlink="">
      <xdr:nvSpPr>
        <xdr:cNvPr id="141" name="n_1aveValue【道路】&#10;一人当たり延長"/>
        <xdr:cNvSpPr txBox="1"/>
      </xdr:nvSpPr>
      <xdr:spPr>
        <a:xfrm>
          <a:off x="8271587" y="652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3052</xdr:rowOff>
    </xdr:from>
    <xdr:ext cx="469744" cy="259045"/>
    <xdr:sp macro="" textlink="">
      <xdr:nvSpPr>
        <xdr:cNvPr id="142" name="n_2aveValue【道路】&#10;一人当たり延長"/>
        <xdr:cNvSpPr txBox="1"/>
      </xdr:nvSpPr>
      <xdr:spPr>
        <a:xfrm>
          <a:off x="7509587" y="6523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56278</xdr:rowOff>
    </xdr:from>
    <xdr:ext cx="469744" cy="259045"/>
    <xdr:sp macro="" textlink="">
      <xdr:nvSpPr>
        <xdr:cNvPr id="143" name="n_3aveValue【道路】&#10;一人当たり延長"/>
        <xdr:cNvSpPr txBox="1"/>
      </xdr:nvSpPr>
      <xdr:spPr>
        <a:xfrm>
          <a:off x="6712027" y="6594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7</xdr:row>
      <xdr:rowOff>129430</xdr:rowOff>
    </xdr:from>
    <xdr:ext cx="469744" cy="259045"/>
    <xdr:sp macro="" textlink="">
      <xdr:nvSpPr>
        <xdr:cNvPr id="144" name="n_4aveValue【道路】&#10;一人当たり延長"/>
        <xdr:cNvSpPr txBox="1"/>
      </xdr:nvSpPr>
      <xdr:spPr>
        <a:xfrm>
          <a:off x="5937327" y="6332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88219</xdr:rowOff>
    </xdr:from>
    <xdr:ext cx="469744" cy="259045"/>
    <xdr:sp macro="" textlink="">
      <xdr:nvSpPr>
        <xdr:cNvPr id="145" name="n_1mainValue【道路】&#10;一人当たり延長"/>
        <xdr:cNvSpPr txBox="1"/>
      </xdr:nvSpPr>
      <xdr:spPr>
        <a:xfrm>
          <a:off x="8271587" y="6961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86885</xdr:rowOff>
    </xdr:from>
    <xdr:ext cx="469744" cy="259045"/>
    <xdr:sp macro="" textlink="">
      <xdr:nvSpPr>
        <xdr:cNvPr id="146" name="n_2mainValue【道路】&#10;一人当たり延長"/>
        <xdr:cNvSpPr txBox="1"/>
      </xdr:nvSpPr>
      <xdr:spPr>
        <a:xfrm>
          <a:off x="7509587" y="6960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84980</xdr:rowOff>
    </xdr:from>
    <xdr:ext cx="469744" cy="259045"/>
    <xdr:sp macro="" textlink="">
      <xdr:nvSpPr>
        <xdr:cNvPr id="147" name="n_3mainValue【道路】&#10;一人当たり延長"/>
        <xdr:cNvSpPr txBox="1"/>
      </xdr:nvSpPr>
      <xdr:spPr>
        <a:xfrm>
          <a:off x="6712027" y="6958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83266</xdr:rowOff>
    </xdr:from>
    <xdr:ext cx="469744" cy="259045"/>
    <xdr:sp macro="" textlink="">
      <xdr:nvSpPr>
        <xdr:cNvPr id="148" name="n_4mainValue【道路】&#10;一人当たり延長"/>
        <xdr:cNvSpPr txBox="1"/>
      </xdr:nvSpPr>
      <xdr:spPr>
        <a:xfrm>
          <a:off x="5937327" y="6956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9" name="正方形/長方形 148"/>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0" name="正方形/長方形 149"/>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1" name="正方形/長方形 150"/>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2" name="正方形/長方形 151"/>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3" name="正方形/長方形 152"/>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4" name="正方形/長方形 153"/>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5" name="正方形/長方形 154"/>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6" name="正方形/長方形 155"/>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7" name="テキスト ボックス 156"/>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8" name="直線コネクタ 157"/>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9" name="テキスト ボックス 158"/>
        <xdr:cNvSpPr txBox="1"/>
      </xdr:nvSpPr>
      <xdr:spPr>
        <a:xfrm>
          <a:off x="33608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60" name="直線コネクタ 159"/>
        <xdr:cNvCxnSpPr/>
      </xdr:nvCxnSpPr>
      <xdr:spPr>
        <a:xfrm>
          <a:off x="670560" y="1085958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59855</xdr:rowOff>
    </xdr:from>
    <xdr:ext cx="403059" cy="259045"/>
    <xdr:sp macro="" textlink="">
      <xdr:nvSpPr>
        <xdr:cNvPr id="161" name="テキスト ボックス 160"/>
        <xdr:cNvSpPr txBox="1"/>
      </xdr:nvSpPr>
      <xdr:spPr>
        <a:xfrm>
          <a:off x="33608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62" name="直線コネクタ 161"/>
        <xdr:cNvCxnSpPr/>
      </xdr:nvCxnSpPr>
      <xdr:spPr>
        <a:xfrm>
          <a:off x="670560" y="1054063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3" name="テキスト ボックス 162"/>
        <xdr:cNvSpPr txBox="1"/>
      </xdr:nvSpPr>
      <xdr:spPr>
        <a:xfrm>
          <a:off x="33608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4" name="直線コネクタ 163"/>
        <xdr:cNvCxnSpPr/>
      </xdr:nvCxnSpPr>
      <xdr:spPr>
        <a:xfrm>
          <a:off x="670560" y="1022168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5" name="テキスト ボックス 164"/>
        <xdr:cNvSpPr txBox="1"/>
      </xdr:nvSpPr>
      <xdr:spPr>
        <a:xfrm>
          <a:off x="33608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6" name="直線コネクタ 165"/>
        <xdr:cNvCxnSpPr/>
      </xdr:nvCxnSpPr>
      <xdr:spPr>
        <a:xfrm>
          <a:off x="670560" y="989892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7" name="テキスト ボックス 166"/>
        <xdr:cNvSpPr txBox="1"/>
      </xdr:nvSpPr>
      <xdr:spPr>
        <a:xfrm>
          <a:off x="33608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8" name="直線コネクタ 167"/>
        <xdr:cNvCxnSpPr/>
      </xdr:nvCxnSpPr>
      <xdr:spPr>
        <a:xfrm>
          <a:off x="670560" y="957997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9" name="テキスト ボックス 168"/>
        <xdr:cNvSpPr txBox="1"/>
      </xdr:nvSpPr>
      <xdr:spPr>
        <a:xfrm>
          <a:off x="33608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70" name="直線コネクタ 169"/>
        <xdr:cNvCxnSpPr/>
      </xdr:nvCxnSpPr>
      <xdr:spPr>
        <a:xfrm>
          <a:off x="670560" y="926102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70049</xdr:rowOff>
    </xdr:from>
    <xdr:ext cx="403059" cy="259045"/>
    <xdr:sp macro="" textlink="">
      <xdr:nvSpPr>
        <xdr:cNvPr id="171" name="テキスト ボックス 170"/>
        <xdr:cNvSpPr txBox="1"/>
      </xdr:nvSpPr>
      <xdr:spPr>
        <a:xfrm>
          <a:off x="33608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3" name="テキスト ボックス 172"/>
        <xdr:cNvSpPr txBox="1"/>
      </xdr:nvSpPr>
      <xdr:spPr>
        <a:xfrm>
          <a:off x="33608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橋りょう・トンネ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80010</xdr:rowOff>
    </xdr:from>
    <xdr:to>
      <xdr:col>24</xdr:col>
      <xdr:colOff>62865</xdr:colOff>
      <xdr:row>64</xdr:row>
      <xdr:rowOff>13063</xdr:rowOff>
    </xdr:to>
    <xdr:cxnSp macro="">
      <xdr:nvCxnSpPr>
        <xdr:cNvPr id="175" name="直線コネクタ 174"/>
        <xdr:cNvCxnSpPr/>
      </xdr:nvCxnSpPr>
      <xdr:spPr>
        <a:xfrm flipV="1">
          <a:off x="4086225" y="9300210"/>
          <a:ext cx="0" cy="14418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6890</xdr:rowOff>
    </xdr:from>
    <xdr:ext cx="405111" cy="259045"/>
    <xdr:sp macro="" textlink="">
      <xdr:nvSpPr>
        <xdr:cNvPr id="176" name="【橋りょう・トンネル】&#10;有形固定資産減価償却率最小値テキスト"/>
        <xdr:cNvSpPr txBox="1"/>
      </xdr:nvSpPr>
      <xdr:spPr>
        <a:xfrm>
          <a:off x="4124960" y="107458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063</xdr:rowOff>
    </xdr:from>
    <xdr:to>
      <xdr:col>24</xdr:col>
      <xdr:colOff>152400</xdr:colOff>
      <xdr:row>64</xdr:row>
      <xdr:rowOff>13063</xdr:rowOff>
    </xdr:to>
    <xdr:cxnSp macro="">
      <xdr:nvCxnSpPr>
        <xdr:cNvPr id="177" name="直線コネクタ 176"/>
        <xdr:cNvCxnSpPr/>
      </xdr:nvCxnSpPr>
      <xdr:spPr>
        <a:xfrm>
          <a:off x="4020820" y="1074202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26687</xdr:rowOff>
    </xdr:from>
    <xdr:ext cx="405111" cy="259045"/>
    <xdr:sp macro="" textlink="">
      <xdr:nvSpPr>
        <xdr:cNvPr id="178" name="【橋りょう・トンネル】&#10;有形固定資産減価償却率最大値テキスト"/>
        <xdr:cNvSpPr txBox="1"/>
      </xdr:nvSpPr>
      <xdr:spPr>
        <a:xfrm>
          <a:off x="4124960" y="9079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80010</xdr:rowOff>
    </xdr:from>
    <xdr:to>
      <xdr:col>24</xdr:col>
      <xdr:colOff>152400</xdr:colOff>
      <xdr:row>55</xdr:row>
      <xdr:rowOff>80010</xdr:rowOff>
    </xdr:to>
    <xdr:cxnSp macro="">
      <xdr:nvCxnSpPr>
        <xdr:cNvPr id="179" name="直線コネクタ 178"/>
        <xdr:cNvCxnSpPr/>
      </xdr:nvCxnSpPr>
      <xdr:spPr>
        <a:xfrm>
          <a:off x="4020820" y="93002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81478</xdr:rowOff>
    </xdr:from>
    <xdr:ext cx="405111" cy="259045"/>
    <xdr:sp macro="" textlink="">
      <xdr:nvSpPr>
        <xdr:cNvPr id="180" name="【橋りょう・トンネル】&#10;有形固定資産減価償却率平均値テキスト"/>
        <xdr:cNvSpPr txBox="1"/>
      </xdr:nvSpPr>
      <xdr:spPr>
        <a:xfrm>
          <a:off x="4124960" y="980459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8601</xdr:rowOff>
    </xdr:from>
    <xdr:to>
      <xdr:col>24</xdr:col>
      <xdr:colOff>114300</xdr:colOff>
      <xdr:row>59</xdr:row>
      <xdr:rowOff>160201</xdr:rowOff>
    </xdr:to>
    <xdr:sp macro="" textlink="">
      <xdr:nvSpPr>
        <xdr:cNvPr id="181" name="フローチャート: 判断 180"/>
        <xdr:cNvSpPr/>
      </xdr:nvSpPr>
      <xdr:spPr>
        <a:xfrm>
          <a:off x="4036060" y="9949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9413</xdr:rowOff>
    </xdr:from>
    <xdr:to>
      <xdr:col>20</xdr:col>
      <xdr:colOff>38100</xdr:colOff>
      <xdr:row>59</xdr:row>
      <xdr:rowOff>121013</xdr:rowOff>
    </xdr:to>
    <xdr:sp macro="" textlink="">
      <xdr:nvSpPr>
        <xdr:cNvPr id="182" name="フローチャート: 判断 181"/>
        <xdr:cNvSpPr/>
      </xdr:nvSpPr>
      <xdr:spPr>
        <a:xfrm>
          <a:off x="3312160" y="9910173"/>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3084</xdr:rowOff>
    </xdr:from>
    <xdr:to>
      <xdr:col>15</xdr:col>
      <xdr:colOff>101600</xdr:colOff>
      <xdr:row>59</xdr:row>
      <xdr:rowOff>104684</xdr:rowOff>
    </xdr:to>
    <xdr:sp macro="" textlink="">
      <xdr:nvSpPr>
        <xdr:cNvPr id="183" name="フローチャート: 判断 182"/>
        <xdr:cNvSpPr/>
      </xdr:nvSpPr>
      <xdr:spPr>
        <a:xfrm>
          <a:off x="2514600" y="9893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9017</xdr:rowOff>
    </xdr:from>
    <xdr:to>
      <xdr:col>10</xdr:col>
      <xdr:colOff>165100</xdr:colOff>
      <xdr:row>59</xdr:row>
      <xdr:rowOff>49167</xdr:rowOff>
    </xdr:to>
    <xdr:sp macro="" textlink="">
      <xdr:nvSpPr>
        <xdr:cNvPr id="184" name="フローチャート: 判断 183"/>
        <xdr:cNvSpPr/>
      </xdr:nvSpPr>
      <xdr:spPr>
        <a:xfrm>
          <a:off x="1739900" y="98421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7</xdr:row>
      <xdr:rowOff>120650</xdr:rowOff>
    </xdr:from>
    <xdr:to>
      <xdr:col>6</xdr:col>
      <xdr:colOff>38100</xdr:colOff>
      <xdr:row>58</xdr:row>
      <xdr:rowOff>50800</xdr:rowOff>
    </xdr:to>
    <xdr:sp macro="" textlink="">
      <xdr:nvSpPr>
        <xdr:cNvPr id="185" name="フローチャート: 判断 184"/>
        <xdr:cNvSpPr/>
      </xdr:nvSpPr>
      <xdr:spPr>
        <a:xfrm>
          <a:off x="965200" y="96761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07587</xdr:rowOff>
    </xdr:from>
    <xdr:to>
      <xdr:col>24</xdr:col>
      <xdr:colOff>114300</xdr:colOff>
      <xdr:row>60</xdr:row>
      <xdr:rowOff>37737</xdr:rowOff>
    </xdr:to>
    <xdr:sp macro="" textlink="">
      <xdr:nvSpPr>
        <xdr:cNvPr id="191" name="楕円 190"/>
        <xdr:cNvSpPr/>
      </xdr:nvSpPr>
      <xdr:spPr>
        <a:xfrm>
          <a:off x="4036060" y="99983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86014</xdr:rowOff>
    </xdr:from>
    <xdr:ext cx="405111" cy="259045"/>
    <xdr:sp macro="" textlink="">
      <xdr:nvSpPr>
        <xdr:cNvPr id="192" name="【橋りょう・トンネル】&#10;有形固定資産減価償却率該当値テキスト"/>
        <xdr:cNvSpPr txBox="1"/>
      </xdr:nvSpPr>
      <xdr:spPr>
        <a:xfrm>
          <a:off x="4124960" y="9976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87993</xdr:rowOff>
    </xdr:from>
    <xdr:to>
      <xdr:col>20</xdr:col>
      <xdr:colOff>38100</xdr:colOff>
      <xdr:row>60</xdr:row>
      <xdr:rowOff>18143</xdr:rowOff>
    </xdr:to>
    <xdr:sp macro="" textlink="">
      <xdr:nvSpPr>
        <xdr:cNvPr id="193" name="楕円 192"/>
        <xdr:cNvSpPr/>
      </xdr:nvSpPr>
      <xdr:spPr>
        <a:xfrm>
          <a:off x="3312160" y="9978753"/>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38793</xdr:rowOff>
    </xdr:from>
    <xdr:to>
      <xdr:col>24</xdr:col>
      <xdr:colOff>63500</xdr:colOff>
      <xdr:row>59</xdr:row>
      <xdr:rowOff>158387</xdr:rowOff>
    </xdr:to>
    <xdr:cxnSp macro="">
      <xdr:nvCxnSpPr>
        <xdr:cNvPr id="194" name="直線コネクタ 193"/>
        <xdr:cNvCxnSpPr/>
      </xdr:nvCxnSpPr>
      <xdr:spPr>
        <a:xfrm>
          <a:off x="3355340" y="10029553"/>
          <a:ext cx="73152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01056</xdr:rowOff>
    </xdr:from>
    <xdr:to>
      <xdr:col>15</xdr:col>
      <xdr:colOff>101600</xdr:colOff>
      <xdr:row>60</xdr:row>
      <xdr:rowOff>31206</xdr:rowOff>
    </xdr:to>
    <xdr:sp macro="" textlink="">
      <xdr:nvSpPr>
        <xdr:cNvPr id="195" name="楕円 194"/>
        <xdr:cNvSpPr/>
      </xdr:nvSpPr>
      <xdr:spPr>
        <a:xfrm>
          <a:off x="2514600" y="99918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38793</xdr:rowOff>
    </xdr:from>
    <xdr:to>
      <xdr:col>19</xdr:col>
      <xdr:colOff>177800</xdr:colOff>
      <xdr:row>59</xdr:row>
      <xdr:rowOff>151856</xdr:rowOff>
    </xdr:to>
    <xdr:cxnSp macro="">
      <xdr:nvCxnSpPr>
        <xdr:cNvPr id="196" name="直線コネクタ 195"/>
        <xdr:cNvCxnSpPr/>
      </xdr:nvCxnSpPr>
      <xdr:spPr>
        <a:xfrm flipV="1">
          <a:off x="2565400" y="10029553"/>
          <a:ext cx="78994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97790</xdr:rowOff>
    </xdr:from>
    <xdr:to>
      <xdr:col>10</xdr:col>
      <xdr:colOff>165100</xdr:colOff>
      <xdr:row>60</xdr:row>
      <xdr:rowOff>27940</xdr:rowOff>
    </xdr:to>
    <xdr:sp macro="" textlink="">
      <xdr:nvSpPr>
        <xdr:cNvPr id="197" name="楕円 196"/>
        <xdr:cNvSpPr/>
      </xdr:nvSpPr>
      <xdr:spPr>
        <a:xfrm>
          <a:off x="1739900" y="99885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148590</xdr:rowOff>
    </xdr:from>
    <xdr:to>
      <xdr:col>15</xdr:col>
      <xdr:colOff>50800</xdr:colOff>
      <xdr:row>59</xdr:row>
      <xdr:rowOff>151856</xdr:rowOff>
    </xdr:to>
    <xdr:cxnSp macro="">
      <xdr:nvCxnSpPr>
        <xdr:cNvPr id="198" name="直線コネクタ 197"/>
        <xdr:cNvCxnSpPr/>
      </xdr:nvCxnSpPr>
      <xdr:spPr>
        <a:xfrm>
          <a:off x="1790700" y="10039350"/>
          <a:ext cx="7747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7780</xdr:rowOff>
    </xdr:from>
    <xdr:to>
      <xdr:col>6</xdr:col>
      <xdr:colOff>38100</xdr:colOff>
      <xdr:row>60</xdr:row>
      <xdr:rowOff>119380</xdr:rowOff>
    </xdr:to>
    <xdr:sp macro="" textlink="">
      <xdr:nvSpPr>
        <xdr:cNvPr id="199" name="楕円 198"/>
        <xdr:cNvSpPr/>
      </xdr:nvSpPr>
      <xdr:spPr>
        <a:xfrm>
          <a:off x="965200" y="1007618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48590</xdr:rowOff>
    </xdr:from>
    <xdr:to>
      <xdr:col>10</xdr:col>
      <xdr:colOff>114300</xdr:colOff>
      <xdr:row>60</xdr:row>
      <xdr:rowOff>68580</xdr:rowOff>
    </xdr:to>
    <xdr:cxnSp macro="">
      <xdr:nvCxnSpPr>
        <xdr:cNvPr id="200" name="直線コネクタ 199"/>
        <xdr:cNvCxnSpPr/>
      </xdr:nvCxnSpPr>
      <xdr:spPr>
        <a:xfrm flipV="1">
          <a:off x="1008380" y="10039350"/>
          <a:ext cx="78232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7</xdr:row>
      <xdr:rowOff>137540</xdr:rowOff>
    </xdr:from>
    <xdr:ext cx="405111" cy="259045"/>
    <xdr:sp macro="" textlink="">
      <xdr:nvSpPr>
        <xdr:cNvPr id="201" name="n_1aveValue【橋りょう・トンネル】&#10;有形固定資産減価償却率"/>
        <xdr:cNvSpPr txBox="1"/>
      </xdr:nvSpPr>
      <xdr:spPr>
        <a:xfrm>
          <a:off x="3170564" y="96930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121211</xdr:rowOff>
    </xdr:from>
    <xdr:ext cx="405111" cy="259045"/>
    <xdr:sp macro="" textlink="">
      <xdr:nvSpPr>
        <xdr:cNvPr id="202" name="n_2aveValue【橋りょう・トンネル】&#10;有形固定資産減価償却率"/>
        <xdr:cNvSpPr txBox="1"/>
      </xdr:nvSpPr>
      <xdr:spPr>
        <a:xfrm>
          <a:off x="2385704" y="96766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65694</xdr:rowOff>
    </xdr:from>
    <xdr:ext cx="405111" cy="259045"/>
    <xdr:sp macro="" textlink="">
      <xdr:nvSpPr>
        <xdr:cNvPr id="203" name="n_3aveValue【橋りょう・トンネル】&#10;有形固定資産減価償却率"/>
        <xdr:cNvSpPr txBox="1"/>
      </xdr:nvSpPr>
      <xdr:spPr>
        <a:xfrm>
          <a:off x="1611004" y="96211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67327</xdr:rowOff>
    </xdr:from>
    <xdr:ext cx="405111" cy="259045"/>
    <xdr:sp macro="" textlink="">
      <xdr:nvSpPr>
        <xdr:cNvPr id="204" name="n_4aveValue【橋りょう・トンネル】&#10;有形固定資産減価償却率"/>
        <xdr:cNvSpPr txBox="1"/>
      </xdr:nvSpPr>
      <xdr:spPr>
        <a:xfrm>
          <a:off x="836304" y="9455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9270</xdr:rowOff>
    </xdr:from>
    <xdr:ext cx="405111" cy="259045"/>
    <xdr:sp macro="" textlink="">
      <xdr:nvSpPr>
        <xdr:cNvPr id="205" name="n_1mainValue【橋りょう・トンネル】&#10;有形固定資産減価償却率"/>
        <xdr:cNvSpPr txBox="1"/>
      </xdr:nvSpPr>
      <xdr:spPr>
        <a:xfrm>
          <a:off x="3170564" y="10067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22333</xdr:rowOff>
    </xdr:from>
    <xdr:ext cx="405111" cy="259045"/>
    <xdr:sp macro="" textlink="">
      <xdr:nvSpPr>
        <xdr:cNvPr id="206" name="n_2mainValue【橋りょう・トンネル】&#10;有形固定資産減価償却率"/>
        <xdr:cNvSpPr txBox="1"/>
      </xdr:nvSpPr>
      <xdr:spPr>
        <a:xfrm>
          <a:off x="2385704" y="100807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19067</xdr:rowOff>
    </xdr:from>
    <xdr:ext cx="405111" cy="259045"/>
    <xdr:sp macro="" textlink="">
      <xdr:nvSpPr>
        <xdr:cNvPr id="207" name="n_3mainValue【橋りょう・トンネル】&#10;有形固定資産減価償却率"/>
        <xdr:cNvSpPr txBox="1"/>
      </xdr:nvSpPr>
      <xdr:spPr>
        <a:xfrm>
          <a:off x="1611004" y="10077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110507</xdr:rowOff>
    </xdr:from>
    <xdr:ext cx="405111" cy="259045"/>
    <xdr:sp macro="" textlink="">
      <xdr:nvSpPr>
        <xdr:cNvPr id="208" name="n_4mainValue【橋りょう・トンネル】&#10;有形固定資産減価償却率"/>
        <xdr:cNvSpPr txBox="1"/>
      </xdr:nvSpPr>
      <xdr:spPr>
        <a:xfrm>
          <a:off x="836304" y="1016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xdr:cNvCxnSpPr/>
      </xdr:nvCxnSpPr>
      <xdr:spPr>
        <a:xfrm>
          <a:off x="5826760" y="108051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20" name="テキスト ボックス 219"/>
        <xdr:cNvSpPr txBox="1"/>
      </xdr:nvSpPr>
      <xdr:spPr>
        <a:xfrm>
          <a:off x="5600834" y="1066674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xdr:cNvCxnSpPr/>
      </xdr:nvCxnSpPr>
      <xdr:spPr>
        <a:xfrm>
          <a:off x="5826760" y="104317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22" name="テキスト ボックス 221"/>
        <xdr:cNvSpPr txBox="1"/>
      </xdr:nvSpPr>
      <xdr:spPr>
        <a:xfrm>
          <a:off x="5364041" y="1029336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xdr:cNvCxnSpPr/>
      </xdr:nvCxnSpPr>
      <xdr:spPr>
        <a:xfrm>
          <a:off x="5826760" y="100584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24" name="テキスト ボックス 223"/>
        <xdr:cNvSpPr txBox="1"/>
      </xdr:nvSpPr>
      <xdr:spPr>
        <a:xfrm>
          <a:off x="5299921" y="991998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xdr:cNvCxnSpPr/>
      </xdr:nvCxnSpPr>
      <xdr:spPr>
        <a:xfrm>
          <a:off x="5826760" y="96888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26" name="テキスト ボックス 225"/>
        <xdr:cNvSpPr txBox="1"/>
      </xdr:nvSpPr>
      <xdr:spPr>
        <a:xfrm>
          <a:off x="5299921" y="955041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xdr:cNvCxnSpPr/>
      </xdr:nvCxnSpPr>
      <xdr:spPr>
        <a:xfrm>
          <a:off x="5826760" y="93154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28" name="テキスト ボックス 227"/>
        <xdr:cNvSpPr txBox="1"/>
      </xdr:nvSpPr>
      <xdr:spPr>
        <a:xfrm>
          <a:off x="5299921" y="917703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30" name="テキスト ボックス 229"/>
        <xdr:cNvSpPr txBox="1"/>
      </xdr:nvSpPr>
      <xdr:spPr>
        <a:xfrm>
          <a:off x="5299921" y="880365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橋りょう・トンネル】&#10;一人当たり有形固定資産（償却資産）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6987</xdr:rowOff>
    </xdr:from>
    <xdr:to>
      <xdr:col>54</xdr:col>
      <xdr:colOff>189865</xdr:colOff>
      <xdr:row>64</xdr:row>
      <xdr:rowOff>56205</xdr:rowOff>
    </xdr:to>
    <xdr:cxnSp macro="">
      <xdr:nvCxnSpPr>
        <xdr:cNvPr id="232" name="直線コネクタ 231"/>
        <xdr:cNvCxnSpPr/>
      </xdr:nvCxnSpPr>
      <xdr:spPr>
        <a:xfrm flipV="1">
          <a:off x="9219565" y="9394827"/>
          <a:ext cx="0" cy="13903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60032</xdr:rowOff>
    </xdr:from>
    <xdr:ext cx="469744" cy="259045"/>
    <xdr:sp macro="" textlink="">
      <xdr:nvSpPr>
        <xdr:cNvPr id="233" name="【橋りょう・トンネル】&#10;一人当たり有形固定資産（償却資産）額最小値テキスト"/>
        <xdr:cNvSpPr txBox="1"/>
      </xdr:nvSpPr>
      <xdr:spPr>
        <a:xfrm>
          <a:off x="9258300" y="10788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205</xdr:rowOff>
    </xdr:from>
    <xdr:to>
      <xdr:col>55</xdr:col>
      <xdr:colOff>88900</xdr:colOff>
      <xdr:row>64</xdr:row>
      <xdr:rowOff>56205</xdr:rowOff>
    </xdr:to>
    <xdr:cxnSp macro="">
      <xdr:nvCxnSpPr>
        <xdr:cNvPr id="234" name="直線コネクタ 233"/>
        <xdr:cNvCxnSpPr/>
      </xdr:nvCxnSpPr>
      <xdr:spPr>
        <a:xfrm>
          <a:off x="9154160" y="107851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25114</xdr:rowOff>
    </xdr:from>
    <xdr:ext cx="599010" cy="259045"/>
    <xdr:sp macro="" textlink="">
      <xdr:nvSpPr>
        <xdr:cNvPr id="235" name="【橋りょう・トンネル】&#10;一人当たり有形固定資産（償却資産）額最大値テキスト"/>
        <xdr:cNvSpPr txBox="1"/>
      </xdr:nvSpPr>
      <xdr:spPr>
        <a:xfrm>
          <a:off x="9258300" y="9177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6987</xdr:rowOff>
    </xdr:from>
    <xdr:to>
      <xdr:col>55</xdr:col>
      <xdr:colOff>88900</xdr:colOff>
      <xdr:row>56</xdr:row>
      <xdr:rowOff>6987</xdr:rowOff>
    </xdr:to>
    <xdr:cxnSp macro="">
      <xdr:nvCxnSpPr>
        <xdr:cNvPr id="236" name="直線コネクタ 235"/>
        <xdr:cNvCxnSpPr/>
      </xdr:nvCxnSpPr>
      <xdr:spPr>
        <a:xfrm>
          <a:off x="9154160" y="939482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87931</xdr:rowOff>
    </xdr:from>
    <xdr:ext cx="534377" cy="259045"/>
    <xdr:sp macro="" textlink="">
      <xdr:nvSpPr>
        <xdr:cNvPr id="237" name="【橋りょう・トンネル】&#10;一人当たり有形固定資産（償却資産）額平均値テキスト"/>
        <xdr:cNvSpPr txBox="1"/>
      </xdr:nvSpPr>
      <xdr:spPr>
        <a:xfrm>
          <a:off x="9258300" y="103139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65054</xdr:rowOff>
    </xdr:from>
    <xdr:to>
      <xdr:col>55</xdr:col>
      <xdr:colOff>50800</xdr:colOff>
      <xdr:row>62</xdr:row>
      <xdr:rowOff>166654</xdr:rowOff>
    </xdr:to>
    <xdr:sp macro="" textlink="">
      <xdr:nvSpPr>
        <xdr:cNvPr id="238" name="フローチャート: 判断 237"/>
        <xdr:cNvSpPr/>
      </xdr:nvSpPr>
      <xdr:spPr>
        <a:xfrm>
          <a:off x="9192260" y="10458734"/>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9482</xdr:rowOff>
    </xdr:from>
    <xdr:to>
      <xdr:col>50</xdr:col>
      <xdr:colOff>165100</xdr:colOff>
      <xdr:row>62</xdr:row>
      <xdr:rowOff>171082</xdr:rowOff>
    </xdr:to>
    <xdr:sp macro="" textlink="">
      <xdr:nvSpPr>
        <xdr:cNvPr id="239" name="フローチャート: 判断 238"/>
        <xdr:cNvSpPr/>
      </xdr:nvSpPr>
      <xdr:spPr>
        <a:xfrm>
          <a:off x="8445500" y="10463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81659</xdr:rowOff>
    </xdr:from>
    <xdr:to>
      <xdr:col>46</xdr:col>
      <xdr:colOff>38100</xdr:colOff>
      <xdr:row>63</xdr:row>
      <xdr:rowOff>11809</xdr:rowOff>
    </xdr:to>
    <xdr:sp macro="" textlink="">
      <xdr:nvSpPr>
        <xdr:cNvPr id="240" name="フローチャート: 判断 239"/>
        <xdr:cNvSpPr/>
      </xdr:nvSpPr>
      <xdr:spPr>
        <a:xfrm>
          <a:off x="7670800" y="10475339"/>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27602</xdr:rowOff>
    </xdr:from>
    <xdr:to>
      <xdr:col>41</xdr:col>
      <xdr:colOff>101600</xdr:colOff>
      <xdr:row>62</xdr:row>
      <xdr:rowOff>129202</xdr:rowOff>
    </xdr:to>
    <xdr:sp macro="" textlink="">
      <xdr:nvSpPr>
        <xdr:cNvPr id="241" name="フローチャート: 判断 240"/>
        <xdr:cNvSpPr/>
      </xdr:nvSpPr>
      <xdr:spPr>
        <a:xfrm>
          <a:off x="6873240" y="10421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6406</xdr:rowOff>
    </xdr:from>
    <xdr:to>
      <xdr:col>36</xdr:col>
      <xdr:colOff>165100</xdr:colOff>
      <xdr:row>62</xdr:row>
      <xdr:rowOff>128006</xdr:rowOff>
    </xdr:to>
    <xdr:sp macro="" textlink="">
      <xdr:nvSpPr>
        <xdr:cNvPr id="242" name="フローチャート: 判断 241"/>
        <xdr:cNvSpPr/>
      </xdr:nvSpPr>
      <xdr:spPr>
        <a:xfrm>
          <a:off x="6098540" y="10420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18120</xdr:rowOff>
    </xdr:from>
    <xdr:to>
      <xdr:col>55</xdr:col>
      <xdr:colOff>50800</xdr:colOff>
      <xdr:row>64</xdr:row>
      <xdr:rowOff>48270</xdr:rowOff>
    </xdr:to>
    <xdr:sp macro="" textlink="">
      <xdr:nvSpPr>
        <xdr:cNvPr id="248" name="楕円 247"/>
        <xdr:cNvSpPr/>
      </xdr:nvSpPr>
      <xdr:spPr>
        <a:xfrm>
          <a:off x="9192260" y="106794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33047</xdr:rowOff>
    </xdr:from>
    <xdr:ext cx="534377" cy="259045"/>
    <xdr:sp macro="" textlink="">
      <xdr:nvSpPr>
        <xdr:cNvPr id="249" name="【橋りょう・トンネル】&#10;一人当たり有形固定資産（償却資産）額該当値テキスト"/>
        <xdr:cNvSpPr txBox="1"/>
      </xdr:nvSpPr>
      <xdr:spPr>
        <a:xfrm>
          <a:off x="9258300" y="10594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18555</xdr:rowOff>
    </xdr:from>
    <xdr:to>
      <xdr:col>50</xdr:col>
      <xdr:colOff>165100</xdr:colOff>
      <xdr:row>64</xdr:row>
      <xdr:rowOff>48705</xdr:rowOff>
    </xdr:to>
    <xdr:sp macro="" textlink="">
      <xdr:nvSpPr>
        <xdr:cNvPr id="250" name="楕円 249"/>
        <xdr:cNvSpPr/>
      </xdr:nvSpPr>
      <xdr:spPr>
        <a:xfrm>
          <a:off x="8445500" y="106798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68920</xdr:rowOff>
    </xdr:from>
    <xdr:to>
      <xdr:col>55</xdr:col>
      <xdr:colOff>0</xdr:colOff>
      <xdr:row>63</xdr:row>
      <xdr:rowOff>169355</xdr:rowOff>
    </xdr:to>
    <xdr:cxnSp macro="">
      <xdr:nvCxnSpPr>
        <xdr:cNvPr id="251" name="直線コネクタ 250"/>
        <xdr:cNvCxnSpPr/>
      </xdr:nvCxnSpPr>
      <xdr:spPr>
        <a:xfrm flipV="1">
          <a:off x="8496300" y="10730240"/>
          <a:ext cx="723900" cy="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119979</xdr:rowOff>
    </xdr:from>
    <xdr:to>
      <xdr:col>46</xdr:col>
      <xdr:colOff>38100</xdr:colOff>
      <xdr:row>64</xdr:row>
      <xdr:rowOff>50129</xdr:rowOff>
    </xdr:to>
    <xdr:sp macro="" textlink="">
      <xdr:nvSpPr>
        <xdr:cNvPr id="252" name="楕円 251"/>
        <xdr:cNvSpPr/>
      </xdr:nvSpPr>
      <xdr:spPr>
        <a:xfrm>
          <a:off x="7670800" y="1068129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69355</xdr:rowOff>
    </xdr:from>
    <xdr:to>
      <xdr:col>50</xdr:col>
      <xdr:colOff>114300</xdr:colOff>
      <xdr:row>63</xdr:row>
      <xdr:rowOff>170779</xdr:rowOff>
    </xdr:to>
    <xdr:cxnSp macro="">
      <xdr:nvCxnSpPr>
        <xdr:cNvPr id="253" name="直線コネクタ 252"/>
        <xdr:cNvCxnSpPr/>
      </xdr:nvCxnSpPr>
      <xdr:spPr>
        <a:xfrm flipV="1">
          <a:off x="7713980" y="10730675"/>
          <a:ext cx="782320" cy="1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20757</xdr:rowOff>
    </xdr:from>
    <xdr:to>
      <xdr:col>41</xdr:col>
      <xdr:colOff>101600</xdr:colOff>
      <xdr:row>64</xdr:row>
      <xdr:rowOff>50907</xdr:rowOff>
    </xdr:to>
    <xdr:sp macro="" textlink="">
      <xdr:nvSpPr>
        <xdr:cNvPr id="254" name="楕円 253"/>
        <xdr:cNvSpPr/>
      </xdr:nvSpPr>
      <xdr:spPr>
        <a:xfrm>
          <a:off x="6873240" y="1068207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70779</xdr:rowOff>
    </xdr:from>
    <xdr:to>
      <xdr:col>45</xdr:col>
      <xdr:colOff>177800</xdr:colOff>
      <xdr:row>64</xdr:row>
      <xdr:rowOff>107</xdr:rowOff>
    </xdr:to>
    <xdr:cxnSp macro="">
      <xdr:nvCxnSpPr>
        <xdr:cNvPr id="255" name="直線コネクタ 254"/>
        <xdr:cNvCxnSpPr/>
      </xdr:nvCxnSpPr>
      <xdr:spPr>
        <a:xfrm flipV="1">
          <a:off x="6924040" y="10732099"/>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25755</xdr:rowOff>
    </xdr:from>
    <xdr:to>
      <xdr:col>36</xdr:col>
      <xdr:colOff>165100</xdr:colOff>
      <xdr:row>64</xdr:row>
      <xdr:rowOff>55905</xdr:rowOff>
    </xdr:to>
    <xdr:sp macro="" textlink="">
      <xdr:nvSpPr>
        <xdr:cNvPr id="256" name="楕円 255"/>
        <xdr:cNvSpPr/>
      </xdr:nvSpPr>
      <xdr:spPr>
        <a:xfrm>
          <a:off x="6098540" y="106870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107</xdr:rowOff>
    </xdr:from>
    <xdr:to>
      <xdr:col>41</xdr:col>
      <xdr:colOff>50800</xdr:colOff>
      <xdr:row>64</xdr:row>
      <xdr:rowOff>5105</xdr:rowOff>
    </xdr:to>
    <xdr:cxnSp macro="">
      <xdr:nvCxnSpPr>
        <xdr:cNvPr id="257" name="直線コネクタ 256"/>
        <xdr:cNvCxnSpPr/>
      </xdr:nvCxnSpPr>
      <xdr:spPr>
        <a:xfrm flipV="1">
          <a:off x="6149340" y="10729067"/>
          <a:ext cx="774700" cy="4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1</xdr:row>
      <xdr:rowOff>16159</xdr:rowOff>
    </xdr:from>
    <xdr:ext cx="534377" cy="259045"/>
    <xdr:sp macro="" textlink="">
      <xdr:nvSpPr>
        <xdr:cNvPr id="258" name="n_1aveValue【橋りょう・トンネル】&#10;一人当たり有形固定資産（償却資産）額"/>
        <xdr:cNvSpPr txBox="1"/>
      </xdr:nvSpPr>
      <xdr:spPr>
        <a:xfrm>
          <a:off x="8239271" y="10242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1</xdr:row>
      <xdr:rowOff>28336</xdr:rowOff>
    </xdr:from>
    <xdr:ext cx="534377" cy="259045"/>
    <xdr:sp macro="" textlink="">
      <xdr:nvSpPr>
        <xdr:cNvPr id="259" name="n_2aveValue【橋りょう・トンネル】&#10;一人当たり有形固定資産（償却資産）額"/>
        <xdr:cNvSpPr txBox="1"/>
      </xdr:nvSpPr>
      <xdr:spPr>
        <a:xfrm>
          <a:off x="7477271" y="102543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45729</xdr:rowOff>
    </xdr:from>
    <xdr:ext cx="534377" cy="259045"/>
    <xdr:sp macro="" textlink="">
      <xdr:nvSpPr>
        <xdr:cNvPr id="260" name="n_3aveValue【橋りょう・トンネル】&#10;一人当たり有形固定資産（償却資産）額"/>
        <xdr:cNvSpPr txBox="1"/>
      </xdr:nvSpPr>
      <xdr:spPr>
        <a:xfrm>
          <a:off x="6702571" y="10204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4533</xdr:rowOff>
    </xdr:from>
    <xdr:ext cx="534377" cy="259045"/>
    <xdr:sp macro="" textlink="">
      <xdr:nvSpPr>
        <xdr:cNvPr id="261" name="n_4aveValue【橋りょう・トンネル】&#10;一人当たり有形固定資産（償却資産）額"/>
        <xdr:cNvSpPr txBox="1"/>
      </xdr:nvSpPr>
      <xdr:spPr>
        <a:xfrm>
          <a:off x="5905011" y="10202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39832</xdr:rowOff>
    </xdr:from>
    <xdr:ext cx="534377" cy="259045"/>
    <xdr:sp macro="" textlink="">
      <xdr:nvSpPr>
        <xdr:cNvPr id="262" name="n_1mainValue【橋りょう・トンネル】&#10;一人当たり有形固定資産（償却資産）額"/>
        <xdr:cNvSpPr txBox="1"/>
      </xdr:nvSpPr>
      <xdr:spPr>
        <a:xfrm>
          <a:off x="8239271" y="10768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41256</xdr:rowOff>
    </xdr:from>
    <xdr:ext cx="534377" cy="259045"/>
    <xdr:sp macro="" textlink="">
      <xdr:nvSpPr>
        <xdr:cNvPr id="263" name="n_2mainValue【橋りょう・トンネル】&#10;一人当たり有形固定資産（償却資産）額"/>
        <xdr:cNvSpPr txBox="1"/>
      </xdr:nvSpPr>
      <xdr:spPr>
        <a:xfrm>
          <a:off x="7477271" y="10770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8</xdr:colOff>
      <xdr:row>64</xdr:row>
      <xdr:rowOff>42034</xdr:rowOff>
    </xdr:from>
    <xdr:ext cx="469744" cy="259045"/>
    <xdr:sp macro="" textlink="">
      <xdr:nvSpPr>
        <xdr:cNvPr id="264" name="n_3mainValue【橋りょう・トンネル】&#10;一人当たり有形固定資産（償却資産）額"/>
        <xdr:cNvSpPr txBox="1"/>
      </xdr:nvSpPr>
      <xdr:spPr>
        <a:xfrm>
          <a:off x="6712028" y="107709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8</xdr:colOff>
      <xdr:row>64</xdr:row>
      <xdr:rowOff>47032</xdr:rowOff>
    </xdr:from>
    <xdr:ext cx="469744" cy="259045"/>
    <xdr:sp macro="" textlink="">
      <xdr:nvSpPr>
        <xdr:cNvPr id="265" name="n_4mainValue【橋りょう・トンネル】&#10;一人当たり有形固定資産（償却資産）額"/>
        <xdr:cNvSpPr txBox="1"/>
      </xdr:nvSpPr>
      <xdr:spPr>
        <a:xfrm>
          <a:off x="5937328" y="10775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6" name="テキスト ボックス 275"/>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7" name="直線コネクタ 276"/>
        <xdr:cNvCxnSpPr/>
      </xdr:nvCxnSpPr>
      <xdr:spPr>
        <a:xfrm>
          <a:off x="670560" y="1458576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78" name="テキスト ボックス 277"/>
        <xdr:cNvSpPr txBox="1"/>
      </xdr:nvSpPr>
      <xdr:spPr>
        <a:xfrm>
          <a:off x="336081" y="1444354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9" name="直線コネクタ 278"/>
        <xdr:cNvCxnSpPr/>
      </xdr:nvCxnSpPr>
      <xdr:spPr>
        <a:xfrm>
          <a:off x="670560" y="1426300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80" name="テキスト ボックス 279"/>
        <xdr:cNvSpPr txBox="1"/>
      </xdr:nvSpPr>
      <xdr:spPr>
        <a:xfrm>
          <a:off x="33608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81" name="直線コネクタ 280"/>
        <xdr:cNvCxnSpPr/>
      </xdr:nvCxnSpPr>
      <xdr:spPr>
        <a:xfrm>
          <a:off x="670560" y="1394405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82" name="テキスト ボックス 281"/>
        <xdr:cNvSpPr txBox="1"/>
      </xdr:nvSpPr>
      <xdr:spPr>
        <a:xfrm>
          <a:off x="33608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83" name="直線コネクタ 282"/>
        <xdr:cNvCxnSpPr/>
      </xdr:nvCxnSpPr>
      <xdr:spPr>
        <a:xfrm>
          <a:off x="670560" y="1362510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4" name="テキスト ボックス 283"/>
        <xdr:cNvSpPr txBox="1"/>
      </xdr:nvSpPr>
      <xdr:spPr>
        <a:xfrm>
          <a:off x="33608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5" name="直線コネクタ 284"/>
        <xdr:cNvCxnSpPr/>
      </xdr:nvCxnSpPr>
      <xdr:spPr>
        <a:xfrm>
          <a:off x="670560" y="1330615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6" name="テキスト ボックス 285"/>
        <xdr:cNvSpPr txBox="1"/>
      </xdr:nvSpPr>
      <xdr:spPr>
        <a:xfrm>
          <a:off x="33608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7" name="直線コネクタ 286"/>
        <xdr:cNvCxnSpPr/>
      </xdr:nvCxnSpPr>
      <xdr:spPr>
        <a:xfrm>
          <a:off x="670560" y="1298720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88" name="テキスト ボックス 287"/>
        <xdr:cNvSpPr txBox="1"/>
      </xdr:nvSpPr>
      <xdr:spPr>
        <a:xfrm>
          <a:off x="336081" y="1284878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9" name="直線コネクタ 288"/>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90" name="テキスト ボックス 289"/>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91" name="【公営住宅】&#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9124</xdr:rowOff>
    </xdr:from>
    <xdr:to>
      <xdr:col>24</xdr:col>
      <xdr:colOff>62865</xdr:colOff>
      <xdr:row>86</xdr:row>
      <xdr:rowOff>145869</xdr:rowOff>
    </xdr:to>
    <xdr:cxnSp macro="">
      <xdr:nvCxnSpPr>
        <xdr:cNvPr id="292" name="直線コネクタ 291"/>
        <xdr:cNvCxnSpPr/>
      </xdr:nvCxnSpPr>
      <xdr:spPr>
        <a:xfrm flipV="1">
          <a:off x="4086225" y="12977404"/>
          <a:ext cx="0" cy="15855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49696</xdr:rowOff>
    </xdr:from>
    <xdr:ext cx="405111" cy="259045"/>
    <xdr:sp macro="" textlink="">
      <xdr:nvSpPr>
        <xdr:cNvPr id="293" name="【公営住宅】&#10;有形固定資産減価償却率最小値テキスト"/>
        <xdr:cNvSpPr txBox="1"/>
      </xdr:nvSpPr>
      <xdr:spPr>
        <a:xfrm>
          <a:off x="4124960" y="145667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45869</xdr:rowOff>
    </xdr:from>
    <xdr:to>
      <xdr:col>24</xdr:col>
      <xdr:colOff>152400</xdr:colOff>
      <xdr:row>86</xdr:row>
      <xdr:rowOff>145869</xdr:rowOff>
    </xdr:to>
    <xdr:cxnSp macro="">
      <xdr:nvCxnSpPr>
        <xdr:cNvPr id="294" name="直線コネクタ 293"/>
        <xdr:cNvCxnSpPr/>
      </xdr:nvCxnSpPr>
      <xdr:spPr>
        <a:xfrm>
          <a:off x="4020820" y="1456290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5801</xdr:rowOff>
    </xdr:from>
    <xdr:ext cx="405111" cy="259045"/>
    <xdr:sp macro="" textlink="">
      <xdr:nvSpPr>
        <xdr:cNvPr id="295" name="【公営住宅】&#10;有形固定資産減価償却率最大値テキスト"/>
        <xdr:cNvSpPr txBox="1"/>
      </xdr:nvSpPr>
      <xdr:spPr>
        <a:xfrm>
          <a:off x="4124960" y="127564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9124</xdr:rowOff>
    </xdr:from>
    <xdr:to>
      <xdr:col>24</xdr:col>
      <xdr:colOff>152400</xdr:colOff>
      <xdr:row>77</xdr:row>
      <xdr:rowOff>69124</xdr:rowOff>
    </xdr:to>
    <xdr:cxnSp macro="">
      <xdr:nvCxnSpPr>
        <xdr:cNvPr id="296" name="直線コネクタ 295"/>
        <xdr:cNvCxnSpPr/>
      </xdr:nvCxnSpPr>
      <xdr:spPr>
        <a:xfrm>
          <a:off x="4020820" y="129774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1809</xdr:rowOff>
    </xdr:from>
    <xdr:ext cx="405111" cy="259045"/>
    <xdr:sp macro="" textlink="">
      <xdr:nvSpPr>
        <xdr:cNvPr id="297" name="【公営住宅】&#10;有形固定資産減価償却率平均値テキスト"/>
        <xdr:cNvSpPr txBox="1"/>
      </xdr:nvSpPr>
      <xdr:spPr>
        <a:xfrm>
          <a:off x="4124960" y="1342300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60382</xdr:rowOff>
    </xdr:from>
    <xdr:to>
      <xdr:col>24</xdr:col>
      <xdr:colOff>114300</xdr:colOff>
      <xdr:row>81</xdr:row>
      <xdr:rowOff>90532</xdr:rowOff>
    </xdr:to>
    <xdr:sp macro="" textlink="">
      <xdr:nvSpPr>
        <xdr:cNvPr id="298" name="フローチャート: 判断 297"/>
        <xdr:cNvSpPr/>
      </xdr:nvSpPr>
      <xdr:spPr>
        <a:xfrm>
          <a:off x="4036060" y="135715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47320</xdr:rowOff>
    </xdr:from>
    <xdr:to>
      <xdr:col>20</xdr:col>
      <xdr:colOff>38100</xdr:colOff>
      <xdr:row>81</xdr:row>
      <xdr:rowOff>77470</xdr:rowOff>
    </xdr:to>
    <xdr:sp macro="" textlink="">
      <xdr:nvSpPr>
        <xdr:cNvPr id="299" name="フローチャート: 判断 298"/>
        <xdr:cNvSpPr/>
      </xdr:nvSpPr>
      <xdr:spPr>
        <a:xfrm>
          <a:off x="3312160" y="1355852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68943</xdr:rowOff>
    </xdr:from>
    <xdr:to>
      <xdr:col>15</xdr:col>
      <xdr:colOff>101600</xdr:colOff>
      <xdr:row>80</xdr:row>
      <xdr:rowOff>170543</xdr:rowOff>
    </xdr:to>
    <xdr:sp macro="" textlink="">
      <xdr:nvSpPr>
        <xdr:cNvPr id="300" name="フローチャート: 判断 299"/>
        <xdr:cNvSpPr/>
      </xdr:nvSpPr>
      <xdr:spPr>
        <a:xfrm>
          <a:off x="2514600" y="1348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42818</xdr:rowOff>
    </xdr:from>
    <xdr:to>
      <xdr:col>10</xdr:col>
      <xdr:colOff>165100</xdr:colOff>
      <xdr:row>80</xdr:row>
      <xdr:rowOff>144418</xdr:rowOff>
    </xdr:to>
    <xdr:sp macro="" textlink="">
      <xdr:nvSpPr>
        <xdr:cNvPr id="301" name="フローチャート: 判断 300"/>
        <xdr:cNvSpPr/>
      </xdr:nvSpPr>
      <xdr:spPr>
        <a:xfrm>
          <a:off x="1739900" y="134540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14663</xdr:rowOff>
    </xdr:from>
    <xdr:to>
      <xdr:col>6</xdr:col>
      <xdr:colOff>38100</xdr:colOff>
      <xdr:row>81</xdr:row>
      <xdr:rowOff>44813</xdr:rowOff>
    </xdr:to>
    <xdr:sp macro="" textlink="">
      <xdr:nvSpPr>
        <xdr:cNvPr id="302" name="フローチャート: 判断 301"/>
        <xdr:cNvSpPr/>
      </xdr:nvSpPr>
      <xdr:spPr>
        <a:xfrm>
          <a:off x="965200" y="1352586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3" name="テキスト ボックス 302"/>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4" name="テキスト ボックス 303"/>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5" name="テキスト ボックス 304"/>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6" name="テキスト ボックス 305"/>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7" name="テキスト ボックス 306"/>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9755</xdr:rowOff>
    </xdr:from>
    <xdr:to>
      <xdr:col>24</xdr:col>
      <xdr:colOff>114300</xdr:colOff>
      <xdr:row>82</xdr:row>
      <xdr:rowOff>131355</xdr:rowOff>
    </xdr:to>
    <xdr:sp macro="" textlink="">
      <xdr:nvSpPr>
        <xdr:cNvPr id="308" name="楕円 307"/>
        <xdr:cNvSpPr/>
      </xdr:nvSpPr>
      <xdr:spPr>
        <a:xfrm>
          <a:off x="4036060" y="13776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8182</xdr:rowOff>
    </xdr:from>
    <xdr:ext cx="405111" cy="259045"/>
    <xdr:sp macro="" textlink="">
      <xdr:nvSpPr>
        <xdr:cNvPr id="309" name="【公営住宅】&#10;有形固定資産減価償却率該当値テキスト"/>
        <xdr:cNvSpPr txBox="1"/>
      </xdr:nvSpPr>
      <xdr:spPr>
        <a:xfrm>
          <a:off x="4124960" y="1375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62016</xdr:rowOff>
    </xdr:from>
    <xdr:to>
      <xdr:col>20</xdr:col>
      <xdr:colOff>38100</xdr:colOff>
      <xdr:row>82</xdr:row>
      <xdr:rowOff>92166</xdr:rowOff>
    </xdr:to>
    <xdr:sp macro="" textlink="">
      <xdr:nvSpPr>
        <xdr:cNvPr id="310" name="楕円 309"/>
        <xdr:cNvSpPr/>
      </xdr:nvSpPr>
      <xdr:spPr>
        <a:xfrm>
          <a:off x="3312160" y="1374085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41366</xdr:rowOff>
    </xdr:from>
    <xdr:to>
      <xdr:col>24</xdr:col>
      <xdr:colOff>63500</xdr:colOff>
      <xdr:row>82</xdr:row>
      <xdr:rowOff>80555</xdr:rowOff>
    </xdr:to>
    <xdr:cxnSp macro="">
      <xdr:nvCxnSpPr>
        <xdr:cNvPr id="311" name="直線コネクタ 310"/>
        <xdr:cNvCxnSpPr/>
      </xdr:nvCxnSpPr>
      <xdr:spPr>
        <a:xfrm>
          <a:off x="3355340" y="13787846"/>
          <a:ext cx="73152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90170</xdr:rowOff>
    </xdr:from>
    <xdr:to>
      <xdr:col>15</xdr:col>
      <xdr:colOff>101600</xdr:colOff>
      <xdr:row>82</xdr:row>
      <xdr:rowOff>20320</xdr:rowOff>
    </xdr:to>
    <xdr:sp macro="" textlink="">
      <xdr:nvSpPr>
        <xdr:cNvPr id="312" name="楕円 311"/>
        <xdr:cNvSpPr/>
      </xdr:nvSpPr>
      <xdr:spPr>
        <a:xfrm>
          <a:off x="2514600" y="1366901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1</xdr:row>
      <xdr:rowOff>140970</xdr:rowOff>
    </xdr:from>
    <xdr:to>
      <xdr:col>19</xdr:col>
      <xdr:colOff>177800</xdr:colOff>
      <xdr:row>82</xdr:row>
      <xdr:rowOff>41366</xdr:rowOff>
    </xdr:to>
    <xdr:cxnSp macro="">
      <xdr:nvCxnSpPr>
        <xdr:cNvPr id="313" name="直線コネクタ 312"/>
        <xdr:cNvCxnSpPr/>
      </xdr:nvCxnSpPr>
      <xdr:spPr>
        <a:xfrm>
          <a:off x="2565400" y="13719810"/>
          <a:ext cx="789940" cy="680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21589</xdr:rowOff>
    </xdr:from>
    <xdr:to>
      <xdr:col>10</xdr:col>
      <xdr:colOff>165100</xdr:colOff>
      <xdr:row>81</xdr:row>
      <xdr:rowOff>123189</xdr:rowOff>
    </xdr:to>
    <xdr:sp macro="" textlink="">
      <xdr:nvSpPr>
        <xdr:cNvPr id="314" name="楕円 313"/>
        <xdr:cNvSpPr/>
      </xdr:nvSpPr>
      <xdr:spPr>
        <a:xfrm>
          <a:off x="1739900" y="13600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72389</xdr:rowOff>
    </xdr:from>
    <xdr:to>
      <xdr:col>15</xdr:col>
      <xdr:colOff>50800</xdr:colOff>
      <xdr:row>81</xdr:row>
      <xdr:rowOff>140970</xdr:rowOff>
    </xdr:to>
    <xdr:cxnSp macro="">
      <xdr:nvCxnSpPr>
        <xdr:cNvPr id="315" name="直線コネクタ 314"/>
        <xdr:cNvCxnSpPr/>
      </xdr:nvCxnSpPr>
      <xdr:spPr>
        <a:xfrm>
          <a:off x="1790700" y="13651229"/>
          <a:ext cx="7747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0</xdr:row>
      <xdr:rowOff>134257</xdr:rowOff>
    </xdr:from>
    <xdr:to>
      <xdr:col>6</xdr:col>
      <xdr:colOff>38100</xdr:colOff>
      <xdr:row>81</xdr:row>
      <xdr:rowOff>64407</xdr:rowOff>
    </xdr:to>
    <xdr:sp macro="" textlink="">
      <xdr:nvSpPr>
        <xdr:cNvPr id="316" name="楕円 315"/>
        <xdr:cNvSpPr/>
      </xdr:nvSpPr>
      <xdr:spPr>
        <a:xfrm>
          <a:off x="965200" y="1354545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3607</xdr:rowOff>
    </xdr:from>
    <xdr:to>
      <xdr:col>10</xdr:col>
      <xdr:colOff>114300</xdr:colOff>
      <xdr:row>81</xdr:row>
      <xdr:rowOff>72389</xdr:rowOff>
    </xdr:to>
    <xdr:cxnSp macro="">
      <xdr:nvCxnSpPr>
        <xdr:cNvPr id="317" name="直線コネクタ 316"/>
        <xdr:cNvCxnSpPr/>
      </xdr:nvCxnSpPr>
      <xdr:spPr>
        <a:xfrm>
          <a:off x="1008380" y="13592447"/>
          <a:ext cx="78232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79</xdr:row>
      <xdr:rowOff>93997</xdr:rowOff>
    </xdr:from>
    <xdr:ext cx="405111" cy="259045"/>
    <xdr:sp macro="" textlink="">
      <xdr:nvSpPr>
        <xdr:cNvPr id="318" name="n_1aveValue【公営住宅】&#10;有形固定資産減価償却率"/>
        <xdr:cNvSpPr txBox="1"/>
      </xdr:nvSpPr>
      <xdr:spPr>
        <a:xfrm>
          <a:off x="317056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5620</xdr:rowOff>
    </xdr:from>
    <xdr:ext cx="405111" cy="259045"/>
    <xdr:sp macro="" textlink="">
      <xdr:nvSpPr>
        <xdr:cNvPr id="319" name="n_2aveValue【公営住宅】&#10;有形固定資産減価償却率"/>
        <xdr:cNvSpPr txBox="1"/>
      </xdr:nvSpPr>
      <xdr:spPr>
        <a:xfrm>
          <a:off x="2385704" y="1325918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60945</xdr:rowOff>
    </xdr:from>
    <xdr:ext cx="405111" cy="259045"/>
    <xdr:sp macro="" textlink="">
      <xdr:nvSpPr>
        <xdr:cNvPr id="320" name="n_3aveValue【公営住宅】&#10;有形固定資産減価償却率"/>
        <xdr:cNvSpPr txBox="1"/>
      </xdr:nvSpPr>
      <xdr:spPr>
        <a:xfrm>
          <a:off x="1611004" y="13236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61340</xdr:rowOff>
    </xdr:from>
    <xdr:ext cx="405111" cy="259045"/>
    <xdr:sp macro="" textlink="">
      <xdr:nvSpPr>
        <xdr:cNvPr id="321" name="n_4aveValue【公営住宅】&#10;有形固定資産減価償却率"/>
        <xdr:cNvSpPr txBox="1"/>
      </xdr:nvSpPr>
      <xdr:spPr>
        <a:xfrm>
          <a:off x="836304" y="13304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83293</xdr:rowOff>
    </xdr:from>
    <xdr:ext cx="405111" cy="259045"/>
    <xdr:sp macro="" textlink="">
      <xdr:nvSpPr>
        <xdr:cNvPr id="322" name="n_1mainValue【公営住宅】&#10;有形固定資産減価償却率"/>
        <xdr:cNvSpPr txBox="1"/>
      </xdr:nvSpPr>
      <xdr:spPr>
        <a:xfrm>
          <a:off x="3170564" y="13829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1447</xdr:rowOff>
    </xdr:from>
    <xdr:ext cx="405111" cy="259045"/>
    <xdr:sp macro="" textlink="">
      <xdr:nvSpPr>
        <xdr:cNvPr id="323" name="n_2mainValue【公営住宅】&#10;有形固定資産減価償却率"/>
        <xdr:cNvSpPr txBox="1"/>
      </xdr:nvSpPr>
      <xdr:spPr>
        <a:xfrm>
          <a:off x="2385704" y="13757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14316</xdr:rowOff>
    </xdr:from>
    <xdr:ext cx="405111" cy="259045"/>
    <xdr:sp macro="" textlink="">
      <xdr:nvSpPr>
        <xdr:cNvPr id="324" name="n_3mainValue【公営住宅】&#10;有形固定資産減価償却率"/>
        <xdr:cNvSpPr txBox="1"/>
      </xdr:nvSpPr>
      <xdr:spPr>
        <a:xfrm>
          <a:off x="1611004" y="136931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55534</xdr:rowOff>
    </xdr:from>
    <xdr:ext cx="405111" cy="259045"/>
    <xdr:sp macro="" textlink="">
      <xdr:nvSpPr>
        <xdr:cNvPr id="325" name="n_4mainValue【公営住宅】&#10;有形固定資産減価償却率"/>
        <xdr:cNvSpPr txBox="1"/>
      </xdr:nvSpPr>
      <xdr:spPr>
        <a:xfrm>
          <a:off x="836304" y="136343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6" name="正方形/長方形 325"/>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7" name="正方形/長方形 326"/>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8" name="正方形/長方形 327"/>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9" name="正方形/長方形 328"/>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30" name="正方形/長方形 329"/>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31" name="正方形/長方形 330"/>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2" name="正方形/長方形 331"/>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3" name="正方形/長方形 332"/>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4" name="テキスト ボックス 333"/>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5" name="直線コネクタ 334"/>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36" name="直線コネクタ 335"/>
        <xdr:cNvCxnSpPr/>
      </xdr:nvCxnSpPr>
      <xdr:spPr>
        <a:xfrm>
          <a:off x="5826760" y="145313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37" name="テキスト ボックス 336"/>
        <xdr:cNvSpPr txBox="1"/>
      </xdr:nvSpPr>
      <xdr:spPr>
        <a:xfrm>
          <a:off x="540530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38" name="直線コネクタ 337"/>
        <xdr:cNvCxnSpPr/>
      </xdr:nvCxnSpPr>
      <xdr:spPr>
        <a:xfrm>
          <a:off x="5826760" y="141579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39" name="テキスト ボックス 338"/>
        <xdr:cNvSpPr txBox="1"/>
      </xdr:nvSpPr>
      <xdr:spPr>
        <a:xfrm>
          <a:off x="540530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40" name="直線コネクタ 339"/>
        <xdr:cNvCxnSpPr/>
      </xdr:nvCxnSpPr>
      <xdr:spPr>
        <a:xfrm>
          <a:off x="5826760" y="137845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41" name="テキスト ボックス 340"/>
        <xdr:cNvSpPr txBox="1"/>
      </xdr:nvSpPr>
      <xdr:spPr>
        <a:xfrm>
          <a:off x="540530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42" name="直線コネクタ 341"/>
        <xdr:cNvCxnSpPr/>
      </xdr:nvCxnSpPr>
      <xdr:spPr>
        <a:xfrm>
          <a:off x="5826760" y="134112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43" name="テキスト ボックス 342"/>
        <xdr:cNvSpPr txBox="1"/>
      </xdr:nvSpPr>
      <xdr:spPr>
        <a:xfrm>
          <a:off x="540530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44" name="直線コネクタ 343"/>
        <xdr:cNvCxnSpPr/>
      </xdr:nvCxnSpPr>
      <xdr:spPr>
        <a:xfrm>
          <a:off x="5826760" y="130416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45" name="テキスト ボックス 344"/>
        <xdr:cNvSpPr txBox="1"/>
      </xdr:nvSpPr>
      <xdr:spPr>
        <a:xfrm>
          <a:off x="540530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公営住宅】&#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24764</xdr:rowOff>
    </xdr:from>
    <xdr:to>
      <xdr:col>54</xdr:col>
      <xdr:colOff>189865</xdr:colOff>
      <xdr:row>86</xdr:row>
      <xdr:rowOff>108586</xdr:rowOff>
    </xdr:to>
    <xdr:cxnSp macro="">
      <xdr:nvCxnSpPr>
        <xdr:cNvPr id="349" name="直線コネクタ 348"/>
        <xdr:cNvCxnSpPr/>
      </xdr:nvCxnSpPr>
      <xdr:spPr>
        <a:xfrm flipV="1">
          <a:off x="9219565" y="12933044"/>
          <a:ext cx="0" cy="15925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2413</xdr:rowOff>
    </xdr:from>
    <xdr:ext cx="469744" cy="259045"/>
    <xdr:sp macro="" textlink="">
      <xdr:nvSpPr>
        <xdr:cNvPr id="350" name="【公営住宅】&#10;一人当たり面積最小値テキスト"/>
        <xdr:cNvSpPr txBox="1"/>
      </xdr:nvSpPr>
      <xdr:spPr>
        <a:xfrm>
          <a:off x="9258300" y="145294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8586</xdr:rowOff>
    </xdr:from>
    <xdr:to>
      <xdr:col>55</xdr:col>
      <xdr:colOff>88900</xdr:colOff>
      <xdr:row>86</xdr:row>
      <xdr:rowOff>108586</xdr:rowOff>
    </xdr:to>
    <xdr:cxnSp macro="">
      <xdr:nvCxnSpPr>
        <xdr:cNvPr id="351" name="直線コネクタ 350"/>
        <xdr:cNvCxnSpPr/>
      </xdr:nvCxnSpPr>
      <xdr:spPr>
        <a:xfrm>
          <a:off x="9154160" y="1452562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5</xdr:row>
      <xdr:rowOff>142891</xdr:rowOff>
    </xdr:from>
    <xdr:ext cx="469744" cy="259045"/>
    <xdr:sp macro="" textlink="">
      <xdr:nvSpPr>
        <xdr:cNvPr id="352" name="【公営住宅】&#10;一人当たり面積最大値テキスト"/>
        <xdr:cNvSpPr txBox="1"/>
      </xdr:nvSpPr>
      <xdr:spPr>
        <a:xfrm>
          <a:off x="9258300" y="12715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24764</xdr:rowOff>
    </xdr:from>
    <xdr:to>
      <xdr:col>55</xdr:col>
      <xdr:colOff>88900</xdr:colOff>
      <xdr:row>77</xdr:row>
      <xdr:rowOff>24764</xdr:rowOff>
    </xdr:to>
    <xdr:cxnSp macro="">
      <xdr:nvCxnSpPr>
        <xdr:cNvPr id="353" name="直線コネクタ 352"/>
        <xdr:cNvCxnSpPr/>
      </xdr:nvCxnSpPr>
      <xdr:spPr>
        <a:xfrm>
          <a:off x="9154160" y="1293304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9066</xdr:rowOff>
    </xdr:from>
    <xdr:ext cx="469744" cy="259045"/>
    <xdr:sp macro="" textlink="">
      <xdr:nvSpPr>
        <xdr:cNvPr id="354" name="【公営住宅】&#10;一人当たり面積平均値テキスト"/>
        <xdr:cNvSpPr txBox="1"/>
      </xdr:nvSpPr>
      <xdr:spPr>
        <a:xfrm>
          <a:off x="9258300" y="1426846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0639</xdr:rowOff>
    </xdr:from>
    <xdr:to>
      <xdr:col>55</xdr:col>
      <xdr:colOff>50800</xdr:colOff>
      <xdr:row>85</xdr:row>
      <xdr:rowOff>142239</xdr:rowOff>
    </xdr:to>
    <xdr:sp macro="" textlink="">
      <xdr:nvSpPr>
        <xdr:cNvPr id="355" name="フローチャート: 判断 354"/>
        <xdr:cNvSpPr/>
      </xdr:nvSpPr>
      <xdr:spPr>
        <a:xfrm>
          <a:off x="9192260" y="1429003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50164</xdr:rowOff>
    </xdr:from>
    <xdr:to>
      <xdr:col>50</xdr:col>
      <xdr:colOff>165100</xdr:colOff>
      <xdr:row>85</xdr:row>
      <xdr:rowOff>151764</xdr:rowOff>
    </xdr:to>
    <xdr:sp macro="" textlink="">
      <xdr:nvSpPr>
        <xdr:cNvPr id="356" name="フローチャート: 判断 355"/>
        <xdr:cNvSpPr/>
      </xdr:nvSpPr>
      <xdr:spPr>
        <a:xfrm>
          <a:off x="8445500" y="14299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48261</xdr:rowOff>
    </xdr:from>
    <xdr:to>
      <xdr:col>46</xdr:col>
      <xdr:colOff>38100</xdr:colOff>
      <xdr:row>85</xdr:row>
      <xdr:rowOff>149861</xdr:rowOff>
    </xdr:to>
    <xdr:sp macro="" textlink="">
      <xdr:nvSpPr>
        <xdr:cNvPr id="357" name="フローチャート: 判断 356"/>
        <xdr:cNvSpPr/>
      </xdr:nvSpPr>
      <xdr:spPr>
        <a:xfrm>
          <a:off x="7670800" y="1429766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42545</xdr:rowOff>
    </xdr:from>
    <xdr:to>
      <xdr:col>41</xdr:col>
      <xdr:colOff>101600</xdr:colOff>
      <xdr:row>85</xdr:row>
      <xdr:rowOff>144145</xdr:rowOff>
    </xdr:to>
    <xdr:sp macro="" textlink="">
      <xdr:nvSpPr>
        <xdr:cNvPr id="358" name="フローチャート: 判断 357"/>
        <xdr:cNvSpPr/>
      </xdr:nvSpPr>
      <xdr:spPr>
        <a:xfrm>
          <a:off x="6873240" y="1429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67311</xdr:rowOff>
    </xdr:from>
    <xdr:to>
      <xdr:col>36</xdr:col>
      <xdr:colOff>165100</xdr:colOff>
      <xdr:row>85</xdr:row>
      <xdr:rowOff>168911</xdr:rowOff>
    </xdr:to>
    <xdr:sp macro="" textlink="">
      <xdr:nvSpPr>
        <xdr:cNvPr id="359" name="フローチャート: 判断 358"/>
        <xdr:cNvSpPr/>
      </xdr:nvSpPr>
      <xdr:spPr>
        <a:xfrm>
          <a:off x="6098540" y="14316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07314</xdr:rowOff>
    </xdr:from>
    <xdr:to>
      <xdr:col>55</xdr:col>
      <xdr:colOff>50800</xdr:colOff>
      <xdr:row>85</xdr:row>
      <xdr:rowOff>37464</xdr:rowOff>
    </xdr:to>
    <xdr:sp macro="" textlink="">
      <xdr:nvSpPr>
        <xdr:cNvPr id="365" name="楕円 364"/>
        <xdr:cNvSpPr/>
      </xdr:nvSpPr>
      <xdr:spPr>
        <a:xfrm>
          <a:off x="9192260" y="1418907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130191</xdr:rowOff>
    </xdr:from>
    <xdr:ext cx="469744" cy="259045"/>
    <xdr:sp macro="" textlink="">
      <xdr:nvSpPr>
        <xdr:cNvPr id="366" name="【公営住宅】&#10;一人当たり面積該当値テキスト"/>
        <xdr:cNvSpPr txBox="1"/>
      </xdr:nvSpPr>
      <xdr:spPr>
        <a:xfrm>
          <a:off x="9258300" y="140443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05411</xdr:rowOff>
    </xdr:from>
    <xdr:to>
      <xdr:col>50</xdr:col>
      <xdr:colOff>165100</xdr:colOff>
      <xdr:row>85</xdr:row>
      <xdr:rowOff>35561</xdr:rowOff>
    </xdr:to>
    <xdr:sp macro="" textlink="">
      <xdr:nvSpPr>
        <xdr:cNvPr id="367" name="楕円 366"/>
        <xdr:cNvSpPr/>
      </xdr:nvSpPr>
      <xdr:spPr>
        <a:xfrm>
          <a:off x="8445500" y="141871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56211</xdr:rowOff>
    </xdr:from>
    <xdr:to>
      <xdr:col>55</xdr:col>
      <xdr:colOff>0</xdr:colOff>
      <xdr:row>84</xdr:row>
      <xdr:rowOff>158114</xdr:rowOff>
    </xdr:to>
    <xdr:cxnSp macro="">
      <xdr:nvCxnSpPr>
        <xdr:cNvPr id="368" name="直線コネクタ 367"/>
        <xdr:cNvCxnSpPr/>
      </xdr:nvCxnSpPr>
      <xdr:spPr>
        <a:xfrm>
          <a:off x="8496300" y="14237971"/>
          <a:ext cx="723900" cy="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01600</xdr:rowOff>
    </xdr:from>
    <xdr:to>
      <xdr:col>46</xdr:col>
      <xdr:colOff>38100</xdr:colOff>
      <xdr:row>85</xdr:row>
      <xdr:rowOff>31750</xdr:rowOff>
    </xdr:to>
    <xdr:sp macro="" textlink="">
      <xdr:nvSpPr>
        <xdr:cNvPr id="369" name="楕円 368"/>
        <xdr:cNvSpPr/>
      </xdr:nvSpPr>
      <xdr:spPr>
        <a:xfrm>
          <a:off x="7670800" y="141833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52400</xdr:rowOff>
    </xdr:from>
    <xdr:to>
      <xdr:col>50</xdr:col>
      <xdr:colOff>114300</xdr:colOff>
      <xdr:row>84</xdr:row>
      <xdr:rowOff>156211</xdr:rowOff>
    </xdr:to>
    <xdr:cxnSp macro="">
      <xdr:nvCxnSpPr>
        <xdr:cNvPr id="370" name="直線コネクタ 369"/>
        <xdr:cNvCxnSpPr/>
      </xdr:nvCxnSpPr>
      <xdr:spPr>
        <a:xfrm>
          <a:off x="7713980" y="14234160"/>
          <a:ext cx="78232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97789</xdr:rowOff>
    </xdr:from>
    <xdr:to>
      <xdr:col>41</xdr:col>
      <xdr:colOff>101600</xdr:colOff>
      <xdr:row>85</xdr:row>
      <xdr:rowOff>27939</xdr:rowOff>
    </xdr:to>
    <xdr:sp macro="" textlink="">
      <xdr:nvSpPr>
        <xdr:cNvPr id="371" name="楕円 370"/>
        <xdr:cNvSpPr/>
      </xdr:nvSpPr>
      <xdr:spPr>
        <a:xfrm>
          <a:off x="6873240" y="141795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48589</xdr:rowOff>
    </xdr:from>
    <xdr:to>
      <xdr:col>45</xdr:col>
      <xdr:colOff>177800</xdr:colOff>
      <xdr:row>84</xdr:row>
      <xdr:rowOff>152400</xdr:rowOff>
    </xdr:to>
    <xdr:cxnSp macro="">
      <xdr:nvCxnSpPr>
        <xdr:cNvPr id="372" name="直線コネクタ 371"/>
        <xdr:cNvCxnSpPr/>
      </xdr:nvCxnSpPr>
      <xdr:spPr>
        <a:xfrm>
          <a:off x="6924040" y="14230349"/>
          <a:ext cx="789940" cy="3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93980</xdr:rowOff>
    </xdr:from>
    <xdr:to>
      <xdr:col>36</xdr:col>
      <xdr:colOff>165100</xdr:colOff>
      <xdr:row>85</xdr:row>
      <xdr:rowOff>24130</xdr:rowOff>
    </xdr:to>
    <xdr:sp macro="" textlink="">
      <xdr:nvSpPr>
        <xdr:cNvPr id="373" name="楕円 372"/>
        <xdr:cNvSpPr/>
      </xdr:nvSpPr>
      <xdr:spPr>
        <a:xfrm>
          <a:off x="6098540" y="141757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144780</xdr:rowOff>
    </xdr:from>
    <xdr:to>
      <xdr:col>41</xdr:col>
      <xdr:colOff>50800</xdr:colOff>
      <xdr:row>84</xdr:row>
      <xdr:rowOff>148589</xdr:rowOff>
    </xdr:to>
    <xdr:cxnSp macro="">
      <xdr:nvCxnSpPr>
        <xdr:cNvPr id="374" name="直線コネクタ 373"/>
        <xdr:cNvCxnSpPr/>
      </xdr:nvCxnSpPr>
      <xdr:spPr>
        <a:xfrm>
          <a:off x="6149340" y="14226540"/>
          <a:ext cx="7747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142891</xdr:rowOff>
    </xdr:from>
    <xdr:ext cx="469744" cy="259045"/>
    <xdr:sp macro="" textlink="">
      <xdr:nvSpPr>
        <xdr:cNvPr id="375" name="n_1aveValue【公営住宅】&#10;一人当たり面積"/>
        <xdr:cNvSpPr txBox="1"/>
      </xdr:nvSpPr>
      <xdr:spPr>
        <a:xfrm>
          <a:off x="8271587" y="14392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40988</xdr:rowOff>
    </xdr:from>
    <xdr:ext cx="469744" cy="259045"/>
    <xdr:sp macro="" textlink="">
      <xdr:nvSpPr>
        <xdr:cNvPr id="376" name="n_2aveValue【公営住宅】&#10;一人当たり面積"/>
        <xdr:cNvSpPr txBox="1"/>
      </xdr:nvSpPr>
      <xdr:spPr>
        <a:xfrm>
          <a:off x="7509587" y="14390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35272</xdr:rowOff>
    </xdr:from>
    <xdr:ext cx="469744" cy="259045"/>
    <xdr:sp macro="" textlink="">
      <xdr:nvSpPr>
        <xdr:cNvPr id="377" name="n_3aveValue【公営住宅】&#10;一人当たり面積"/>
        <xdr:cNvSpPr txBox="1"/>
      </xdr:nvSpPr>
      <xdr:spPr>
        <a:xfrm>
          <a:off x="6712027" y="143846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60038</xdr:rowOff>
    </xdr:from>
    <xdr:ext cx="469744" cy="259045"/>
    <xdr:sp macro="" textlink="">
      <xdr:nvSpPr>
        <xdr:cNvPr id="378" name="n_4aveValue【公営住宅】&#10;一人当たり面積"/>
        <xdr:cNvSpPr txBox="1"/>
      </xdr:nvSpPr>
      <xdr:spPr>
        <a:xfrm>
          <a:off x="5937327" y="144094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3</xdr:row>
      <xdr:rowOff>52088</xdr:rowOff>
    </xdr:from>
    <xdr:ext cx="469744" cy="259045"/>
    <xdr:sp macro="" textlink="">
      <xdr:nvSpPr>
        <xdr:cNvPr id="379" name="n_1mainValue【公営住宅】&#10;一人当たり面積"/>
        <xdr:cNvSpPr txBox="1"/>
      </xdr:nvSpPr>
      <xdr:spPr>
        <a:xfrm>
          <a:off x="8271587" y="139662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48277</xdr:rowOff>
    </xdr:from>
    <xdr:ext cx="469744" cy="259045"/>
    <xdr:sp macro="" textlink="">
      <xdr:nvSpPr>
        <xdr:cNvPr id="380" name="n_2mainValue【公営住宅】&#10;一人当たり面積"/>
        <xdr:cNvSpPr txBox="1"/>
      </xdr:nvSpPr>
      <xdr:spPr>
        <a:xfrm>
          <a:off x="7509587" y="13962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44466</xdr:rowOff>
    </xdr:from>
    <xdr:ext cx="469744" cy="259045"/>
    <xdr:sp macro="" textlink="">
      <xdr:nvSpPr>
        <xdr:cNvPr id="381" name="n_3mainValue【公営住宅】&#10;一人当たり面積"/>
        <xdr:cNvSpPr txBox="1"/>
      </xdr:nvSpPr>
      <xdr:spPr>
        <a:xfrm>
          <a:off x="6712027" y="13958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40657</xdr:rowOff>
    </xdr:from>
    <xdr:ext cx="469744" cy="259045"/>
    <xdr:sp macro="" textlink="">
      <xdr:nvSpPr>
        <xdr:cNvPr id="382" name="n_4mainValue【公営住宅】&#10;一人当たり面積"/>
        <xdr:cNvSpPr txBox="1"/>
      </xdr:nvSpPr>
      <xdr:spPr>
        <a:xfrm>
          <a:off x="5937327" y="13954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84" name="正方形/長方形 383"/>
        <xdr:cNvSpPr/>
      </xdr:nvSpPr>
      <xdr:spPr>
        <a:xfrm>
          <a:off x="670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85" name="正方形/長方形 384"/>
        <xdr:cNvSpPr/>
      </xdr:nvSpPr>
      <xdr:spPr>
        <a:xfrm>
          <a:off x="670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86" name="正方形/長方形 385"/>
        <xdr:cNvSpPr/>
      </xdr:nvSpPr>
      <xdr:spPr>
        <a:xfrm>
          <a:off x="1803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87" name="正方形/長方形 386"/>
        <xdr:cNvSpPr/>
      </xdr:nvSpPr>
      <xdr:spPr>
        <a:xfrm>
          <a:off x="1803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8" name="正方形/長方形 387"/>
        <xdr:cNvSpPr/>
      </xdr:nvSpPr>
      <xdr:spPr>
        <a:xfrm>
          <a:off x="67056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9" name="正方形/長方形 388"/>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90" name="正方形/長方形 389"/>
        <xdr:cNvSpPr/>
      </xdr:nvSpPr>
      <xdr:spPr>
        <a:xfrm>
          <a:off x="58267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91" name="正方形/長方形 390"/>
        <xdr:cNvSpPr/>
      </xdr:nvSpPr>
      <xdr:spPr>
        <a:xfrm>
          <a:off x="58267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92" name="正方形/長方形 391"/>
        <xdr:cNvSpPr/>
      </xdr:nvSpPr>
      <xdr:spPr>
        <a:xfrm>
          <a:off x="69367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93" name="正方形/長方形 392"/>
        <xdr:cNvSpPr/>
      </xdr:nvSpPr>
      <xdr:spPr>
        <a:xfrm>
          <a:off x="69367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4" name="正方形/長方形 393"/>
        <xdr:cNvSpPr/>
      </xdr:nvSpPr>
      <xdr:spPr>
        <a:xfrm>
          <a:off x="582676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5" name="正方形/長方形 394"/>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6" name="正方形/長方形 395"/>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7" name="正方形/長方形 396"/>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8" name="正方形/長方形 397"/>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9" name="正方形/長方形 398"/>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00" name="正方形/長方形 399"/>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01" name="正方形/長方形 400"/>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02" name="正方形/長方形 401"/>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3" name="テキスト ボックス 402"/>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4" name="直線コネクタ 403"/>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5" name="テキスト ボックス 404"/>
        <xdr:cNvSpPr txBox="1"/>
      </xdr:nvSpPr>
      <xdr:spPr>
        <a:xfrm>
          <a:off x="1056150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406" name="直線コネクタ 405"/>
        <xdr:cNvCxnSpPr/>
      </xdr:nvCxnSpPr>
      <xdr:spPr>
        <a:xfrm>
          <a:off x="10960100" y="70065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407" name="テキスト ボックス 406"/>
        <xdr:cNvSpPr txBox="1"/>
      </xdr:nvSpPr>
      <xdr:spPr>
        <a:xfrm>
          <a:off x="1060276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408" name="直線コネクタ 407"/>
        <xdr:cNvCxnSpPr/>
      </xdr:nvCxnSpPr>
      <xdr:spPr>
        <a:xfrm>
          <a:off x="10960100" y="655701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409" name="テキスト ボックス 408"/>
        <xdr:cNvSpPr txBox="1"/>
      </xdr:nvSpPr>
      <xdr:spPr>
        <a:xfrm>
          <a:off x="1060276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410" name="直線コネクタ 409"/>
        <xdr:cNvCxnSpPr/>
      </xdr:nvCxnSpPr>
      <xdr:spPr>
        <a:xfrm>
          <a:off x="10960100" y="61112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411" name="テキスト ボックス 410"/>
        <xdr:cNvSpPr txBox="1"/>
      </xdr:nvSpPr>
      <xdr:spPr>
        <a:xfrm>
          <a:off x="1060276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412" name="直線コネクタ 411"/>
        <xdr:cNvCxnSpPr/>
      </xdr:nvCxnSpPr>
      <xdr:spPr>
        <a:xfrm>
          <a:off x="10960100" y="56654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413" name="テキスト ボックス 412"/>
        <xdr:cNvSpPr txBox="1"/>
      </xdr:nvSpPr>
      <xdr:spPr>
        <a:xfrm>
          <a:off x="1060276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4" name="直線コネクタ 413"/>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5" name="テキスト ボックス 414"/>
        <xdr:cNvSpPr txBox="1"/>
      </xdr:nvSpPr>
      <xdr:spPr>
        <a:xfrm>
          <a:off x="1066688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6" name="【認定こども園・幼稚園・保育所】&#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8778</xdr:rowOff>
    </xdr:from>
    <xdr:to>
      <xdr:col>85</xdr:col>
      <xdr:colOff>126364</xdr:colOff>
      <xdr:row>41</xdr:row>
      <xdr:rowOff>99060</xdr:rowOff>
    </xdr:to>
    <xdr:cxnSp macro="">
      <xdr:nvCxnSpPr>
        <xdr:cNvPr id="417" name="直線コネクタ 416"/>
        <xdr:cNvCxnSpPr/>
      </xdr:nvCxnSpPr>
      <xdr:spPr>
        <a:xfrm flipV="1">
          <a:off x="14375764" y="5828538"/>
          <a:ext cx="0" cy="11437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02887</xdr:rowOff>
    </xdr:from>
    <xdr:ext cx="405111" cy="259045"/>
    <xdr:sp macro="" textlink="">
      <xdr:nvSpPr>
        <xdr:cNvPr id="418" name="【認定こども園・幼稚園・保育所】&#10;有形固定資産減価償却率最小値テキスト"/>
        <xdr:cNvSpPr txBox="1"/>
      </xdr:nvSpPr>
      <xdr:spPr>
        <a:xfrm>
          <a:off x="14414500"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99060</xdr:rowOff>
    </xdr:from>
    <xdr:to>
      <xdr:col>86</xdr:col>
      <xdr:colOff>25400</xdr:colOff>
      <xdr:row>41</xdr:row>
      <xdr:rowOff>99060</xdr:rowOff>
    </xdr:to>
    <xdr:cxnSp macro="">
      <xdr:nvCxnSpPr>
        <xdr:cNvPr id="419" name="直線コネクタ 418"/>
        <xdr:cNvCxnSpPr/>
      </xdr:nvCxnSpPr>
      <xdr:spPr>
        <a:xfrm>
          <a:off x="14287500" y="69723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75455</xdr:rowOff>
    </xdr:from>
    <xdr:ext cx="405111" cy="259045"/>
    <xdr:sp macro="" textlink="">
      <xdr:nvSpPr>
        <xdr:cNvPr id="420" name="【認定こども園・幼稚園・保育所】&#10;有形固定資産減価償却率最大値テキスト"/>
        <xdr:cNvSpPr txBox="1"/>
      </xdr:nvSpPr>
      <xdr:spPr>
        <a:xfrm>
          <a:off x="14414500" y="56075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8778</xdr:rowOff>
    </xdr:from>
    <xdr:to>
      <xdr:col>86</xdr:col>
      <xdr:colOff>25400</xdr:colOff>
      <xdr:row>34</xdr:row>
      <xdr:rowOff>128778</xdr:rowOff>
    </xdr:to>
    <xdr:cxnSp macro="">
      <xdr:nvCxnSpPr>
        <xdr:cNvPr id="421" name="直線コネクタ 420"/>
        <xdr:cNvCxnSpPr/>
      </xdr:nvCxnSpPr>
      <xdr:spPr>
        <a:xfrm>
          <a:off x="14287500" y="582853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6</xdr:row>
      <xdr:rowOff>132859</xdr:rowOff>
    </xdr:from>
    <xdr:ext cx="405111" cy="259045"/>
    <xdr:sp macro="" textlink="">
      <xdr:nvSpPr>
        <xdr:cNvPr id="422" name="【認定こども園・幼稚園・保育所】&#10;有形固定資産減価償却率平均値テキスト"/>
        <xdr:cNvSpPr txBox="1"/>
      </xdr:nvSpPr>
      <xdr:spPr>
        <a:xfrm>
          <a:off x="14414500" y="616789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9982</xdr:rowOff>
    </xdr:from>
    <xdr:to>
      <xdr:col>85</xdr:col>
      <xdr:colOff>177800</xdr:colOff>
      <xdr:row>38</xdr:row>
      <xdr:rowOff>40132</xdr:rowOff>
    </xdr:to>
    <xdr:sp macro="" textlink="">
      <xdr:nvSpPr>
        <xdr:cNvPr id="423" name="フローチャート: 判断 422"/>
        <xdr:cNvSpPr/>
      </xdr:nvSpPr>
      <xdr:spPr>
        <a:xfrm>
          <a:off x="14325600" y="6312662"/>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32258</xdr:rowOff>
    </xdr:from>
    <xdr:to>
      <xdr:col>81</xdr:col>
      <xdr:colOff>101600</xdr:colOff>
      <xdr:row>38</xdr:row>
      <xdr:rowOff>133858</xdr:rowOff>
    </xdr:to>
    <xdr:sp macro="" textlink="">
      <xdr:nvSpPr>
        <xdr:cNvPr id="424" name="フローチャート: 判断 423"/>
        <xdr:cNvSpPr/>
      </xdr:nvSpPr>
      <xdr:spPr>
        <a:xfrm>
          <a:off x="13578840" y="64025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6830</xdr:rowOff>
    </xdr:from>
    <xdr:to>
      <xdr:col>76</xdr:col>
      <xdr:colOff>165100</xdr:colOff>
      <xdr:row>38</xdr:row>
      <xdr:rowOff>138430</xdr:rowOff>
    </xdr:to>
    <xdr:sp macro="" textlink="">
      <xdr:nvSpPr>
        <xdr:cNvPr id="425" name="フローチャート: 判断 424"/>
        <xdr:cNvSpPr/>
      </xdr:nvSpPr>
      <xdr:spPr>
        <a:xfrm>
          <a:off x="12804140" y="640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0556</xdr:rowOff>
    </xdr:from>
    <xdr:to>
      <xdr:col>72</xdr:col>
      <xdr:colOff>38100</xdr:colOff>
      <xdr:row>38</xdr:row>
      <xdr:rowOff>60706</xdr:rowOff>
    </xdr:to>
    <xdr:sp macro="" textlink="">
      <xdr:nvSpPr>
        <xdr:cNvPr id="426" name="フローチャート: 判断 425"/>
        <xdr:cNvSpPr/>
      </xdr:nvSpPr>
      <xdr:spPr>
        <a:xfrm>
          <a:off x="12029440" y="633323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82550</xdr:rowOff>
    </xdr:from>
    <xdr:to>
      <xdr:col>67</xdr:col>
      <xdr:colOff>101600</xdr:colOff>
      <xdr:row>39</xdr:row>
      <xdr:rowOff>12700</xdr:rowOff>
    </xdr:to>
    <xdr:sp macro="" textlink="">
      <xdr:nvSpPr>
        <xdr:cNvPr id="427" name="フローチャート: 判断 426"/>
        <xdr:cNvSpPr/>
      </xdr:nvSpPr>
      <xdr:spPr>
        <a:xfrm>
          <a:off x="11231880" y="64528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8" name="テキスト ボックス 427"/>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9" name="テキスト ボックス 428"/>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30" name="テキスト ボックス 429"/>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1" name="テキスト ボックス 430"/>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2" name="テキスト ボックス 431"/>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9398</xdr:rowOff>
    </xdr:from>
    <xdr:to>
      <xdr:col>85</xdr:col>
      <xdr:colOff>177800</xdr:colOff>
      <xdr:row>40</xdr:row>
      <xdr:rowOff>110998</xdr:rowOff>
    </xdr:to>
    <xdr:sp macro="" textlink="">
      <xdr:nvSpPr>
        <xdr:cNvPr id="433" name="楕円 432"/>
        <xdr:cNvSpPr/>
      </xdr:nvSpPr>
      <xdr:spPr>
        <a:xfrm>
          <a:off x="14325600" y="6714998"/>
          <a:ext cx="9398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59275</xdr:rowOff>
    </xdr:from>
    <xdr:ext cx="405111" cy="259045"/>
    <xdr:sp macro="" textlink="">
      <xdr:nvSpPr>
        <xdr:cNvPr id="434" name="【認定こども園・幼稚園・保育所】&#10;有形固定資産減価償却率該当値テキスト"/>
        <xdr:cNvSpPr txBox="1"/>
      </xdr:nvSpPr>
      <xdr:spPr>
        <a:xfrm>
          <a:off x="14414500" y="66972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36830</xdr:rowOff>
    </xdr:from>
    <xdr:to>
      <xdr:col>81</xdr:col>
      <xdr:colOff>101600</xdr:colOff>
      <xdr:row>40</xdr:row>
      <xdr:rowOff>138430</xdr:rowOff>
    </xdr:to>
    <xdr:sp macro="" textlink="">
      <xdr:nvSpPr>
        <xdr:cNvPr id="435" name="楕円 434"/>
        <xdr:cNvSpPr/>
      </xdr:nvSpPr>
      <xdr:spPr>
        <a:xfrm>
          <a:off x="13578840" y="674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60198</xdr:rowOff>
    </xdr:from>
    <xdr:to>
      <xdr:col>85</xdr:col>
      <xdr:colOff>127000</xdr:colOff>
      <xdr:row>40</xdr:row>
      <xdr:rowOff>87630</xdr:rowOff>
    </xdr:to>
    <xdr:cxnSp macro="">
      <xdr:nvCxnSpPr>
        <xdr:cNvPr id="436" name="直線コネクタ 435"/>
        <xdr:cNvCxnSpPr/>
      </xdr:nvCxnSpPr>
      <xdr:spPr>
        <a:xfrm flipV="1">
          <a:off x="13629640" y="6765798"/>
          <a:ext cx="74676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37414</xdr:rowOff>
    </xdr:from>
    <xdr:to>
      <xdr:col>76</xdr:col>
      <xdr:colOff>165100</xdr:colOff>
      <xdr:row>40</xdr:row>
      <xdr:rowOff>67564</xdr:rowOff>
    </xdr:to>
    <xdr:sp macro="" textlink="">
      <xdr:nvSpPr>
        <xdr:cNvPr id="437" name="楕円 436"/>
        <xdr:cNvSpPr/>
      </xdr:nvSpPr>
      <xdr:spPr>
        <a:xfrm>
          <a:off x="12804140" y="66753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16764</xdr:rowOff>
    </xdr:from>
    <xdr:to>
      <xdr:col>81</xdr:col>
      <xdr:colOff>50800</xdr:colOff>
      <xdr:row>40</xdr:row>
      <xdr:rowOff>87630</xdr:rowOff>
    </xdr:to>
    <xdr:cxnSp macro="">
      <xdr:nvCxnSpPr>
        <xdr:cNvPr id="438" name="直線コネクタ 437"/>
        <xdr:cNvCxnSpPr/>
      </xdr:nvCxnSpPr>
      <xdr:spPr>
        <a:xfrm>
          <a:off x="12854940" y="6722364"/>
          <a:ext cx="774700" cy="70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25984</xdr:rowOff>
    </xdr:from>
    <xdr:to>
      <xdr:col>72</xdr:col>
      <xdr:colOff>38100</xdr:colOff>
      <xdr:row>40</xdr:row>
      <xdr:rowOff>56134</xdr:rowOff>
    </xdr:to>
    <xdr:sp macro="" textlink="">
      <xdr:nvSpPr>
        <xdr:cNvPr id="439" name="楕円 438"/>
        <xdr:cNvSpPr/>
      </xdr:nvSpPr>
      <xdr:spPr>
        <a:xfrm>
          <a:off x="12029440" y="666394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40</xdr:row>
      <xdr:rowOff>5334</xdr:rowOff>
    </xdr:from>
    <xdr:to>
      <xdr:col>76</xdr:col>
      <xdr:colOff>114300</xdr:colOff>
      <xdr:row>40</xdr:row>
      <xdr:rowOff>16764</xdr:rowOff>
    </xdr:to>
    <xdr:cxnSp macro="">
      <xdr:nvCxnSpPr>
        <xdr:cNvPr id="440" name="直線コネクタ 439"/>
        <xdr:cNvCxnSpPr/>
      </xdr:nvCxnSpPr>
      <xdr:spPr>
        <a:xfrm>
          <a:off x="12072620" y="6710934"/>
          <a:ext cx="78232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8</xdr:row>
      <xdr:rowOff>100838</xdr:rowOff>
    </xdr:from>
    <xdr:to>
      <xdr:col>67</xdr:col>
      <xdr:colOff>101600</xdr:colOff>
      <xdr:row>39</xdr:row>
      <xdr:rowOff>30988</xdr:rowOff>
    </xdr:to>
    <xdr:sp macro="" textlink="">
      <xdr:nvSpPr>
        <xdr:cNvPr id="441" name="楕円 440"/>
        <xdr:cNvSpPr/>
      </xdr:nvSpPr>
      <xdr:spPr>
        <a:xfrm>
          <a:off x="11231880" y="647115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8</xdr:row>
      <xdr:rowOff>151638</xdr:rowOff>
    </xdr:from>
    <xdr:to>
      <xdr:col>71</xdr:col>
      <xdr:colOff>177800</xdr:colOff>
      <xdr:row>40</xdr:row>
      <xdr:rowOff>5334</xdr:rowOff>
    </xdr:to>
    <xdr:cxnSp macro="">
      <xdr:nvCxnSpPr>
        <xdr:cNvPr id="442" name="直線コネクタ 441"/>
        <xdr:cNvCxnSpPr/>
      </xdr:nvCxnSpPr>
      <xdr:spPr>
        <a:xfrm>
          <a:off x="11282680" y="6521958"/>
          <a:ext cx="789940" cy="188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50385</xdr:rowOff>
    </xdr:from>
    <xdr:ext cx="405111" cy="259045"/>
    <xdr:sp macro="" textlink="">
      <xdr:nvSpPr>
        <xdr:cNvPr id="443" name="n_1aveValue【認定こども園・幼稚園・保育所】&#10;有形固定資産減価償却率"/>
        <xdr:cNvSpPr txBox="1"/>
      </xdr:nvSpPr>
      <xdr:spPr>
        <a:xfrm>
          <a:off x="13437244" y="61854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4957</xdr:rowOff>
    </xdr:from>
    <xdr:ext cx="405111" cy="259045"/>
    <xdr:sp macro="" textlink="">
      <xdr:nvSpPr>
        <xdr:cNvPr id="444" name="n_2aveValue【認定こども園・幼稚園・保育所】&#10;有形固定資産減価償却率"/>
        <xdr:cNvSpPr txBox="1"/>
      </xdr:nvSpPr>
      <xdr:spPr>
        <a:xfrm>
          <a:off x="12675244"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77233</xdr:rowOff>
    </xdr:from>
    <xdr:ext cx="405111" cy="259045"/>
    <xdr:sp macro="" textlink="">
      <xdr:nvSpPr>
        <xdr:cNvPr id="445" name="n_3aveValue【認定こども園・幼稚園・保育所】&#10;有形固定資産減価償却率"/>
        <xdr:cNvSpPr txBox="1"/>
      </xdr:nvSpPr>
      <xdr:spPr>
        <a:xfrm>
          <a:off x="11900544" y="6112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29227</xdr:rowOff>
    </xdr:from>
    <xdr:ext cx="405111" cy="259045"/>
    <xdr:sp macro="" textlink="">
      <xdr:nvSpPr>
        <xdr:cNvPr id="446" name="n_4aveValue【認定こども園・幼稚園・保育所】&#10;有形固定資産減価償却率"/>
        <xdr:cNvSpPr txBox="1"/>
      </xdr:nvSpPr>
      <xdr:spPr>
        <a:xfrm>
          <a:off x="1110298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129557</xdr:rowOff>
    </xdr:from>
    <xdr:ext cx="405111" cy="259045"/>
    <xdr:sp macro="" textlink="">
      <xdr:nvSpPr>
        <xdr:cNvPr id="447" name="n_1mainValue【認定こども園・幼稚園・保育所】&#10;有形固定資産減価償却率"/>
        <xdr:cNvSpPr txBox="1"/>
      </xdr:nvSpPr>
      <xdr:spPr>
        <a:xfrm>
          <a:off x="13437244" y="6835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58691</xdr:rowOff>
    </xdr:from>
    <xdr:ext cx="405111" cy="259045"/>
    <xdr:sp macro="" textlink="">
      <xdr:nvSpPr>
        <xdr:cNvPr id="448" name="n_2mainValue【認定こども園・幼稚園・保育所】&#10;有形固定資産減価償却率"/>
        <xdr:cNvSpPr txBox="1"/>
      </xdr:nvSpPr>
      <xdr:spPr>
        <a:xfrm>
          <a:off x="12675244" y="67642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47261</xdr:rowOff>
    </xdr:from>
    <xdr:ext cx="405111" cy="259045"/>
    <xdr:sp macro="" textlink="">
      <xdr:nvSpPr>
        <xdr:cNvPr id="449" name="n_3mainValue【認定こども園・幼稚園・保育所】&#10;有形固定資産減価償却率"/>
        <xdr:cNvSpPr txBox="1"/>
      </xdr:nvSpPr>
      <xdr:spPr>
        <a:xfrm>
          <a:off x="11900544" y="67528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22115</xdr:rowOff>
    </xdr:from>
    <xdr:ext cx="405111" cy="259045"/>
    <xdr:sp macro="" textlink="">
      <xdr:nvSpPr>
        <xdr:cNvPr id="450" name="n_4mainValue【認定こども園・幼稚園・保育所】&#10;有形固定資産減価償却率"/>
        <xdr:cNvSpPr txBox="1"/>
      </xdr:nvSpPr>
      <xdr:spPr>
        <a:xfrm>
          <a:off x="11102984" y="65600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1" name="正方形/長方形 450"/>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2" name="正方形/長方形 451"/>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3" name="正方形/長方形 452"/>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4" name="正方形/長方形 453"/>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5" name="正方形/長方形 454"/>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6" name="正方形/長方形 455"/>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7" name="正方形/長方形 456"/>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8" name="正方形/長方形 457"/>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9" name="テキスト ボックス 458"/>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60" name="直線コネクタ 459"/>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61" name="直線コネクタ 460"/>
        <xdr:cNvCxnSpPr/>
      </xdr:nvCxnSpPr>
      <xdr:spPr>
        <a:xfrm>
          <a:off x="1609344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62" name="テキスト ボックス 461"/>
        <xdr:cNvSpPr txBox="1"/>
      </xdr:nvSpPr>
      <xdr:spPr>
        <a:xfrm>
          <a:off x="1569484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63" name="直線コネクタ 462"/>
        <xdr:cNvCxnSpPr/>
      </xdr:nvCxnSpPr>
      <xdr:spPr>
        <a:xfrm>
          <a:off x="1609344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64" name="テキスト ボックス 463"/>
        <xdr:cNvSpPr txBox="1"/>
      </xdr:nvSpPr>
      <xdr:spPr>
        <a:xfrm>
          <a:off x="1569484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65" name="直線コネクタ 464"/>
        <xdr:cNvCxnSpPr/>
      </xdr:nvCxnSpPr>
      <xdr:spPr>
        <a:xfrm>
          <a:off x="1609344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66" name="テキスト ボックス 465"/>
        <xdr:cNvSpPr txBox="1"/>
      </xdr:nvSpPr>
      <xdr:spPr>
        <a:xfrm>
          <a:off x="1569484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67" name="直線コネクタ 466"/>
        <xdr:cNvCxnSpPr/>
      </xdr:nvCxnSpPr>
      <xdr:spPr>
        <a:xfrm>
          <a:off x="1609344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68" name="テキスト ボックス 467"/>
        <xdr:cNvSpPr txBox="1"/>
      </xdr:nvSpPr>
      <xdr:spPr>
        <a:xfrm>
          <a:off x="1569484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69" name="直線コネクタ 468"/>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0" name="テキスト ボックス 469"/>
        <xdr:cNvSpPr txBox="1"/>
      </xdr:nvSpPr>
      <xdr:spPr>
        <a:xfrm>
          <a:off x="1569484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1" name="【認定こども園・幼稚園・保育所】&#10;一人当たり面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4478</xdr:rowOff>
    </xdr:from>
    <xdr:to>
      <xdr:col>116</xdr:col>
      <xdr:colOff>62864</xdr:colOff>
      <xdr:row>41</xdr:row>
      <xdr:rowOff>5334</xdr:rowOff>
    </xdr:to>
    <xdr:cxnSp macro="">
      <xdr:nvCxnSpPr>
        <xdr:cNvPr id="472" name="直線コネクタ 471"/>
        <xdr:cNvCxnSpPr/>
      </xdr:nvCxnSpPr>
      <xdr:spPr>
        <a:xfrm flipV="1">
          <a:off x="19509104" y="5546598"/>
          <a:ext cx="0" cy="13319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73" name="【認定こども園・幼稚園・保育所】&#10;一人当たり面積最小値テキスト"/>
        <xdr:cNvSpPr txBox="1"/>
      </xdr:nvSpPr>
      <xdr:spPr>
        <a:xfrm>
          <a:off x="19547840" y="6882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74" name="直線コネクタ 473"/>
        <xdr:cNvCxnSpPr/>
      </xdr:nvCxnSpPr>
      <xdr:spPr>
        <a:xfrm>
          <a:off x="19443700" y="68785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32605</xdr:rowOff>
    </xdr:from>
    <xdr:ext cx="469744" cy="259045"/>
    <xdr:sp macro="" textlink="">
      <xdr:nvSpPr>
        <xdr:cNvPr id="475" name="【認定こども園・幼稚園・保育所】&#10;一人当たり面積最大値テキスト"/>
        <xdr:cNvSpPr txBox="1"/>
      </xdr:nvSpPr>
      <xdr:spPr>
        <a:xfrm>
          <a:off x="19547840" y="5329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4478</xdr:rowOff>
    </xdr:from>
    <xdr:to>
      <xdr:col>116</xdr:col>
      <xdr:colOff>152400</xdr:colOff>
      <xdr:row>33</xdr:row>
      <xdr:rowOff>14478</xdr:rowOff>
    </xdr:to>
    <xdr:cxnSp macro="">
      <xdr:nvCxnSpPr>
        <xdr:cNvPr id="476" name="直線コネクタ 475"/>
        <xdr:cNvCxnSpPr/>
      </xdr:nvCxnSpPr>
      <xdr:spPr>
        <a:xfrm>
          <a:off x="19443700" y="554659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88409</xdr:rowOff>
    </xdr:from>
    <xdr:ext cx="469744" cy="259045"/>
    <xdr:sp macro="" textlink="">
      <xdr:nvSpPr>
        <xdr:cNvPr id="477" name="【認定こども園・幼稚園・保育所】&#10;一人当たり面積平均値テキスト"/>
        <xdr:cNvSpPr txBox="1"/>
      </xdr:nvSpPr>
      <xdr:spPr>
        <a:xfrm>
          <a:off x="19547840" y="66263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9982</xdr:rowOff>
    </xdr:from>
    <xdr:to>
      <xdr:col>116</xdr:col>
      <xdr:colOff>114300</xdr:colOff>
      <xdr:row>40</xdr:row>
      <xdr:rowOff>40132</xdr:rowOff>
    </xdr:to>
    <xdr:sp macro="" textlink="">
      <xdr:nvSpPr>
        <xdr:cNvPr id="478" name="フローチャート: 判断 477"/>
        <xdr:cNvSpPr/>
      </xdr:nvSpPr>
      <xdr:spPr>
        <a:xfrm>
          <a:off x="19458940" y="664794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14554</xdr:rowOff>
    </xdr:from>
    <xdr:to>
      <xdr:col>112</xdr:col>
      <xdr:colOff>38100</xdr:colOff>
      <xdr:row>40</xdr:row>
      <xdr:rowOff>44704</xdr:rowOff>
    </xdr:to>
    <xdr:sp macro="" textlink="">
      <xdr:nvSpPr>
        <xdr:cNvPr id="479" name="フローチャート: 判断 478"/>
        <xdr:cNvSpPr/>
      </xdr:nvSpPr>
      <xdr:spPr>
        <a:xfrm>
          <a:off x="18735040" y="66525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9126</xdr:rowOff>
    </xdr:from>
    <xdr:to>
      <xdr:col>107</xdr:col>
      <xdr:colOff>101600</xdr:colOff>
      <xdr:row>40</xdr:row>
      <xdr:rowOff>49276</xdr:rowOff>
    </xdr:to>
    <xdr:sp macro="" textlink="">
      <xdr:nvSpPr>
        <xdr:cNvPr id="480" name="フローチャート: 判断 479"/>
        <xdr:cNvSpPr/>
      </xdr:nvSpPr>
      <xdr:spPr>
        <a:xfrm>
          <a:off x="17937480" y="665708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09982</xdr:rowOff>
    </xdr:from>
    <xdr:to>
      <xdr:col>102</xdr:col>
      <xdr:colOff>165100</xdr:colOff>
      <xdr:row>40</xdr:row>
      <xdr:rowOff>40132</xdr:rowOff>
    </xdr:to>
    <xdr:sp macro="" textlink="">
      <xdr:nvSpPr>
        <xdr:cNvPr id="481" name="フローチャート: 判断 480"/>
        <xdr:cNvSpPr/>
      </xdr:nvSpPr>
      <xdr:spPr>
        <a:xfrm>
          <a:off x="17162780" y="664794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64846</xdr:rowOff>
    </xdr:from>
    <xdr:to>
      <xdr:col>98</xdr:col>
      <xdr:colOff>38100</xdr:colOff>
      <xdr:row>40</xdr:row>
      <xdr:rowOff>94996</xdr:rowOff>
    </xdr:to>
    <xdr:sp macro="" textlink="">
      <xdr:nvSpPr>
        <xdr:cNvPr id="482" name="フローチャート: 判断 481"/>
        <xdr:cNvSpPr/>
      </xdr:nvSpPr>
      <xdr:spPr>
        <a:xfrm>
          <a:off x="16388080" y="670280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3" name="テキスト ボックス 482"/>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4" name="テキスト ボックス 483"/>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5" name="テキスト ボックス 484"/>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6" name="テキスト ボックス 485"/>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7" name="テキスト ボックス 486"/>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66548</xdr:rowOff>
    </xdr:from>
    <xdr:to>
      <xdr:col>116</xdr:col>
      <xdr:colOff>114300</xdr:colOff>
      <xdr:row>38</xdr:row>
      <xdr:rowOff>168148</xdr:rowOff>
    </xdr:to>
    <xdr:sp macro="" textlink="">
      <xdr:nvSpPr>
        <xdr:cNvPr id="488" name="楕円 487"/>
        <xdr:cNvSpPr/>
      </xdr:nvSpPr>
      <xdr:spPr>
        <a:xfrm>
          <a:off x="19458940" y="643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89425</xdr:rowOff>
    </xdr:from>
    <xdr:ext cx="469744" cy="259045"/>
    <xdr:sp macro="" textlink="">
      <xdr:nvSpPr>
        <xdr:cNvPr id="489" name="【認定こども園・幼稚園・保育所】&#10;一人当たり面積該当値テキスト"/>
        <xdr:cNvSpPr txBox="1"/>
      </xdr:nvSpPr>
      <xdr:spPr>
        <a:xfrm>
          <a:off x="19547840" y="62921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75692</xdr:rowOff>
    </xdr:from>
    <xdr:to>
      <xdr:col>112</xdr:col>
      <xdr:colOff>38100</xdr:colOff>
      <xdr:row>39</xdr:row>
      <xdr:rowOff>5842</xdr:rowOff>
    </xdr:to>
    <xdr:sp macro="" textlink="">
      <xdr:nvSpPr>
        <xdr:cNvPr id="490" name="楕円 489"/>
        <xdr:cNvSpPr/>
      </xdr:nvSpPr>
      <xdr:spPr>
        <a:xfrm>
          <a:off x="18735040" y="644601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117348</xdr:rowOff>
    </xdr:from>
    <xdr:to>
      <xdr:col>116</xdr:col>
      <xdr:colOff>63500</xdr:colOff>
      <xdr:row>38</xdr:row>
      <xdr:rowOff>126492</xdr:rowOff>
    </xdr:to>
    <xdr:cxnSp macro="">
      <xdr:nvCxnSpPr>
        <xdr:cNvPr id="491" name="直線コネクタ 490"/>
        <xdr:cNvCxnSpPr/>
      </xdr:nvCxnSpPr>
      <xdr:spPr>
        <a:xfrm flipV="1">
          <a:off x="18778220" y="6487668"/>
          <a:ext cx="73152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5692</xdr:rowOff>
    </xdr:from>
    <xdr:to>
      <xdr:col>107</xdr:col>
      <xdr:colOff>101600</xdr:colOff>
      <xdr:row>39</xdr:row>
      <xdr:rowOff>5842</xdr:rowOff>
    </xdr:to>
    <xdr:sp macro="" textlink="">
      <xdr:nvSpPr>
        <xdr:cNvPr id="492" name="楕円 491"/>
        <xdr:cNvSpPr/>
      </xdr:nvSpPr>
      <xdr:spPr>
        <a:xfrm>
          <a:off x="17937480" y="644601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6492</xdr:rowOff>
    </xdr:from>
    <xdr:to>
      <xdr:col>111</xdr:col>
      <xdr:colOff>177800</xdr:colOff>
      <xdr:row>38</xdr:row>
      <xdr:rowOff>126492</xdr:rowOff>
    </xdr:to>
    <xdr:cxnSp macro="">
      <xdr:nvCxnSpPr>
        <xdr:cNvPr id="493" name="直線コネクタ 492"/>
        <xdr:cNvCxnSpPr/>
      </xdr:nvCxnSpPr>
      <xdr:spPr>
        <a:xfrm>
          <a:off x="17988280" y="6496812"/>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0264</xdr:rowOff>
    </xdr:from>
    <xdr:to>
      <xdr:col>102</xdr:col>
      <xdr:colOff>165100</xdr:colOff>
      <xdr:row>39</xdr:row>
      <xdr:rowOff>10414</xdr:rowOff>
    </xdr:to>
    <xdr:sp macro="" textlink="">
      <xdr:nvSpPr>
        <xdr:cNvPr id="494" name="楕円 493"/>
        <xdr:cNvSpPr/>
      </xdr:nvSpPr>
      <xdr:spPr>
        <a:xfrm>
          <a:off x="17162780" y="645058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8</xdr:row>
      <xdr:rowOff>126492</xdr:rowOff>
    </xdr:from>
    <xdr:to>
      <xdr:col>107</xdr:col>
      <xdr:colOff>50800</xdr:colOff>
      <xdr:row>38</xdr:row>
      <xdr:rowOff>131064</xdr:rowOff>
    </xdr:to>
    <xdr:cxnSp macro="">
      <xdr:nvCxnSpPr>
        <xdr:cNvPr id="495" name="直線コネクタ 494"/>
        <xdr:cNvCxnSpPr/>
      </xdr:nvCxnSpPr>
      <xdr:spPr>
        <a:xfrm flipV="1">
          <a:off x="17213580" y="6496812"/>
          <a:ext cx="7747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8</xdr:row>
      <xdr:rowOff>71120</xdr:rowOff>
    </xdr:from>
    <xdr:to>
      <xdr:col>98</xdr:col>
      <xdr:colOff>38100</xdr:colOff>
      <xdr:row>39</xdr:row>
      <xdr:rowOff>1270</xdr:rowOff>
    </xdr:to>
    <xdr:sp macro="" textlink="">
      <xdr:nvSpPr>
        <xdr:cNvPr id="496" name="楕円 495"/>
        <xdr:cNvSpPr/>
      </xdr:nvSpPr>
      <xdr:spPr>
        <a:xfrm>
          <a:off x="16388080" y="64414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8</xdr:row>
      <xdr:rowOff>121920</xdr:rowOff>
    </xdr:from>
    <xdr:to>
      <xdr:col>102</xdr:col>
      <xdr:colOff>114300</xdr:colOff>
      <xdr:row>38</xdr:row>
      <xdr:rowOff>131064</xdr:rowOff>
    </xdr:to>
    <xdr:cxnSp macro="">
      <xdr:nvCxnSpPr>
        <xdr:cNvPr id="497" name="直線コネクタ 496"/>
        <xdr:cNvCxnSpPr/>
      </xdr:nvCxnSpPr>
      <xdr:spPr>
        <a:xfrm>
          <a:off x="16431260" y="6492240"/>
          <a:ext cx="78232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35831</xdr:rowOff>
    </xdr:from>
    <xdr:ext cx="469744" cy="259045"/>
    <xdr:sp macro="" textlink="">
      <xdr:nvSpPr>
        <xdr:cNvPr id="498" name="n_1aveValue【認定こども園・幼稚園・保育所】&#10;一人当たり面積"/>
        <xdr:cNvSpPr txBox="1"/>
      </xdr:nvSpPr>
      <xdr:spPr>
        <a:xfrm>
          <a:off x="18561127" y="6741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40403</xdr:rowOff>
    </xdr:from>
    <xdr:ext cx="469744" cy="259045"/>
    <xdr:sp macro="" textlink="">
      <xdr:nvSpPr>
        <xdr:cNvPr id="499" name="n_2aveValue【認定こども園・幼稚園・保育所】&#10;一人当たり面積"/>
        <xdr:cNvSpPr txBox="1"/>
      </xdr:nvSpPr>
      <xdr:spPr>
        <a:xfrm>
          <a:off x="17776267" y="6746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31259</xdr:rowOff>
    </xdr:from>
    <xdr:ext cx="469744" cy="259045"/>
    <xdr:sp macro="" textlink="">
      <xdr:nvSpPr>
        <xdr:cNvPr id="500" name="n_3aveValue【認定こども園・幼稚園・保育所】&#10;一人当たり面積"/>
        <xdr:cNvSpPr txBox="1"/>
      </xdr:nvSpPr>
      <xdr:spPr>
        <a:xfrm>
          <a:off x="17001567" y="6736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86123</xdr:rowOff>
    </xdr:from>
    <xdr:ext cx="469744" cy="259045"/>
    <xdr:sp macro="" textlink="">
      <xdr:nvSpPr>
        <xdr:cNvPr id="501" name="n_4aveValue【認定こども園・幼稚園・保育所】&#10;一人当たり面積"/>
        <xdr:cNvSpPr txBox="1"/>
      </xdr:nvSpPr>
      <xdr:spPr>
        <a:xfrm>
          <a:off x="16226867" y="6791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7</xdr:row>
      <xdr:rowOff>22369</xdr:rowOff>
    </xdr:from>
    <xdr:ext cx="469744" cy="259045"/>
    <xdr:sp macro="" textlink="">
      <xdr:nvSpPr>
        <xdr:cNvPr id="502" name="n_1mainValue【認定こども園・幼稚園・保育所】&#10;一人当たり面積"/>
        <xdr:cNvSpPr txBox="1"/>
      </xdr:nvSpPr>
      <xdr:spPr>
        <a:xfrm>
          <a:off x="18561127" y="6225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22369</xdr:rowOff>
    </xdr:from>
    <xdr:ext cx="469744" cy="259045"/>
    <xdr:sp macro="" textlink="">
      <xdr:nvSpPr>
        <xdr:cNvPr id="503" name="n_2mainValue【認定こども園・幼稚園・保育所】&#10;一人当たり面積"/>
        <xdr:cNvSpPr txBox="1"/>
      </xdr:nvSpPr>
      <xdr:spPr>
        <a:xfrm>
          <a:off x="17776267" y="62250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26941</xdr:rowOff>
    </xdr:from>
    <xdr:ext cx="469744" cy="259045"/>
    <xdr:sp macro="" textlink="">
      <xdr:nvSpPr>
        <xdr:cNvPr id="504" name="n_3mainValue【認定こども園・幼稚園・保育所】&#10;一人当たり面積"/>
        <xdr:cNvSpPr txBox="1"/>
      </xdr:nvSpPr>
      <xdr:spPr>
        <a:xfrm>
          <a:off x="17001567" y="62296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7797</xdr:rowOff>
    </xdr:from>
    <xdr:ext cx="469744" cy="259045"/>
    <xdr:sp macro="" textlink="">
      <xdr:nvSpPr>
        <xdr:cNvPr id="505" name="n_4mainValue【認定こども園・幼稚園・保育所】&#10;一人当たり面積"/>
        <xdr:cNvSpPr txBox="1"/>
      </xdr:nvSpPr>
      <xdr:spPr>
        <a:xfrm>
          <a:off x="16226867" y="6220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6" name="正方形/長方形 505"/>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7" name="正方形/長方形 506"/>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8" name="正方形/長方形 507"/>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09" name="正方形/長方形 508"/>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0" name="正方形/長方形 509"/>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1" name="正方形/長方形 510"/>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2" name="正方形/長方形 511"/>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3" name="正方形/長方形 512"/>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4" name="テキスト ボックス 513"/>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5" name="直線コネクタ 514"/>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16" name="テキスト ボックス 515"/>
        <xdr:cNvSpPr txBox="1"/>
      </xdr:nvSpPr>
      <xdr:spPr>
        <a:xfrm>
          <a:off x="1060276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517" name="直線コネクタ 516"/>
        <xdr:cNvCxnSpPr/>
      </xdr:nvCxnSpPr>
      <xdr:spPr>
        <a:xfrm>
          <a:off x="10960100" y="10859588"/>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518" name="テキスト ボックス 517"/>
        <xdr:cNvSpPr txBox="1"/>
      </xdr:nvSpPr>
      <xdr:spPr>
        <a:xfrm>
          <a:off x="10602761" y="1072117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519" name="直線コネクタ 518"/>
        <xdr:cNvCxnSpPr/>
      </xdr:nvCxnSpPr>
      <xdr:spPr>
        <a:xfrm>
          <a:off x="10960100" y="1054063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520" name="テキスト ボックス 519"/>
        <xdr:cNvSpPr txBox="1"/>
      </xdr:nvSpPr>
      <xdr:spPr>
        <a:xfrm>
          <a:off x="10602761" y="1039841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521" name="直線コネクタ 520"/>
        <xdr:cNvCxnSpPr/>
      </xdr:nvCxnSpPr>
      <xdr:spPr>
        <a:xfrm>
          <a:off x="10960100" y="1022168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522" name="テキスト ボックス 521"/>
        <xdr:cNvSpPr txBox="1"/>
      </xdr:nvSpPr>
      <xdr:spPr>
        <a:xfrm>
          <a:off x="10602761" y="100794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523" name="直線コネクタ 522"/>
        <xdr:cNvCxnSpPr/>
      </xdr:nvCxnSpPr>
      <xdr:spPr>
        <a:xfrm>
          <a:off x="10960100" y="9898925"/>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524" name="テキスト ボックス 523"/>
        <xdr:cNvSpPr txBox="1"/>
      </xdr:nvSpPr>
      <xdr:spPr>
        <a:xfrm>
          <a:off x="10602761" y="976051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525" name="直線コネクタ 524"/>
        <xdr:cNvCxnSpPr/>
      </xdr:nvCxnSpPr>
      <xdr:spPr>
        <a:xfrm>
          <a:off x="10960100" y="957997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26" name="テキスト ボックス 525"/>
        <xdr:cNvSpPr txBox="1"/>
      </xdr:nvSpPr>
      <xdr:spPr>
        <a:xfrm>
          <a:off x="10602761" y="944156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27" name="直線コネクタ 526"/>
        <xdr:cNvCxnSpPr/>
      </xdr:nvCxnSpPr>
      <xdr:spPr>
        <a:xfrm>
          <a:off x="10960100" y="9261022"/>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28" name="テキスト ボックス 527"/>
        <xdr:cNvSpPr txBox="1"/>
      </xdr:nvSpPr>
      <xdr:spPr>
        <a:xfrm>
          <a:off x="10602761" y="912260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30" name="テキスト ボックス 529"/>
        <xdr:cNvSpPr txBox="1"/>
      </xdr:nvSpPr>
      <xdr:spPr>
        <a:xfrm>
          <a:off x="1060276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4899</xdr:rowOff>
    </xdr:from>
    <xdr:to>
      <xdr:col>85</xdr:col>
      <xdr:colOff>126364</xdr:colOff>
      <xdr:row>63</xdr:row>
      <xdr:rowOff>125730</xdr:rowOff>
    </xdr:to>
    <xdr:cxnSp macro="">
      <xdr:nvCxnSpPr>
        <xdr:cNvPr id="532" name="直線コネクタ 531"/>
        <xdr:cNvCxnSpPr/>
      </xdr:nvCxnSpPr>
      <xdr:spPr>
        <a:xfrm flipV="1">
          <a:off x="14375764" y="9225099"/>
          <a:ext cx="0" cy="14619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29557</xdr:rowOff>
    </xdr:from>
    <xdr:ext cx="405111" cy="259045"/>
    <xdr:sp macro="" textlink="">
      <xdr:nvSpPr>
        <xdr:cNvPr id="533" name="【学校施設】&#10;有形固定資産減価償却率最小値テキスト"/>
        <xdr:cNvSpPr txBox="1"/>
      </xdr:nvSpPr>
      <xdr:spPr>
        <a:xfrm>
          <a:off x="14414500" y="1069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25730</xdr:rowOff>
    </xdr:from>
    <xdr:to>
      <xdr:col>86</xdr:col>
      <xdr:colOff>25400</xdr:colOff>
      <xdr:row>63</xdr:row>
      <xdr:rowOff>125730</xdr:rowOff>
    </xdr:to>
    <xdr:cxnSp macro="">
      <xdr:nvCxnSpPr>
        <xdr:cNvPr id="534" name="直線コネクタ 533"/>
        <xdr:cNvCxnSpPr/>
      </xdr:nvCxnSpPr>
      <xdr:spPr>
        <a:xfrm>
          <a:off x="14287500" y="106870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3</xdr:row>
      <xdr:rowOff>123026</xdr:rowOff>
    </xdr:from>
    <xdr:ext cx="405111" cy="259045"/>
    <xdr:sp macro="" textlink="">
      <xdr:nvSpPr>
        <xdr:cNvPr id="535" name="【学校施設】&#10;有形固定資産減価償却率最大値テキスト"/>
        <xdr:cNvSpPr txBox="1"/>
      </xdr:nvSpPr>
      <xdr:spPr>
        <a:xfrm>
          <a:off x="14414500" y="90079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4899</xdr:rowOff>
    </xdr:from>
    <xdr:to>
      <xdr:col>86</xdr:col>
      <xdr:colOff>25400</xdr:colOff>
      <xdr:row>55</xdr:row>
      <xdr:rowOff>4899</xdr:rowOff>
    </xdr:to>
    <xdr:cxnSp macro="">
      <xdr:nvCxnSpPr>
        <xdr:cNvPr id="536" name="直線コネクタ 535"/>
        <xdr:cNvCxnSpPr/>
      </xdr:nvCxnSpPr>
      <xdr:spPr>
        <a:xfrm>
          <a:off x="14287500" y="922509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27594</xdr:rowOff>
    </xdr:from>
    <xdr:ext cx="405111" cy="259045"/>
    <xdr:sp macro="" textlink="">
      <xdr:nvSpPr>
        <xdr:cNvPr id="537" name="【学校施設】&#10;有形固定資産減価償却率平均値テキスト"/>
        <xdr:cNvSpPr txBox="1"/>
      </xdr:nvSpPr>
      <xdr:spPr>
        <a:xfrm>
          <a:off x="14414500" y="991835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4717</xdr:rowOff>
    </xdr:from>
    <xdr:to>
      <xdr:col>85</xdr:col>
      <xdr:colOff>177800</xdr:colOff>
      <xdr:row>60</xdr:row>
      <xdr:rowOff>106317</xdr:rowOff>
    </xdr:to>
    <xdr:sp macro="" textlink="">
      <xdr:nvSpPr>
        <xdr:cNvPr id="538" name="フローチャート: 判断 537"/>
        <xdr:cNvSpPr/>
      </xdr:nvSpPr>
      <xdr:spPr>
        <a:xfrm>
          <a:off x="14325600" y="10063117"/>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53703</xdr:rowOff>
    </xdr:from>
    <xdr:to>
      <xdr:col>81</xdr:col>
      <xdr:colOff>101600</xdr:colOff>
      <xdr:row>60</xdr:row>
      <xdr:rowOff>155303</xdr:rowOff>
    </xdr:to>
    <xdr:sp macro="" textlink="">
      <xdr:nvSpPr>
        <xdr:cNvPr id="539" name="フローチャート: 判断 538"/>
        <xdr:cNvSpPr/>
      </xdr:nvSpPr>
      <xdr:spPr>
        <a:xfrm>
          <a:off x="13578840" y="10112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89626</xdr:rowOff>
    </xdr:from>
    <xdr:to>
      <xdr:col>76</xdr:col>
      <xdr:colOff>165100</xdr:colOff>
      <xdr:row>61</xdr:row>
      <xdr:rowOff>19776</xdr:rowOff>
    </xdr:to>
    <xdr:sp macro="" textlink="">
      <xdr:nvSpPr>
        <xdr:cNvPr id="540" name="フローチャート: 判断 539"/>
        <xdr:cNvSpPr/>
      </xdr:nvSpPr>
      <xdr:spPr>
        <a:xfrm>
          <a:off x="12804140" y="101480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1</xdr:row>
      <xdr:rowOff>29210</xdr:rowOff>
    </xdr:from>
    <xdr:to>
      <xdr:col>72</xdr:col>
      <xdr:colOff>38100</xdr:colOff>
      <xdr:row>61</xdr:row>
      <xdr:rowOff>130810</xdr:rowOff>
    </xdr:to>
    <xdr:sp macro="" textlink="">
      <xdr:nvSpPr>
        <xdr:cNvPr id="541" name="フローチャート: 判断 540"/>
        <xdr:cNvSpPr/>
      </xdr:nvSpPr>
      <xdr:spPr>
        <a:xfrm>
          <a:off x="12029440" y="1025525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2</xdr:row>
      <xdr:rowOff>43906</xdr:rowOff>
    </xdr:from>
    <xdr:to>
      <xdr:col>67</xdr:col>
      <xdr:colOff>101600</xdr:colOff>
      <xdr:row>62</xdr:row>
      <xdr:rowOff>145506</xdr:rowOff>
    </xdr:to>
    <xdr:sp macro="" textlink="">
      <xdr:nvSpPr>
        <xdr:cNvPr id="542" name="フローチャート: 判断 541"/>
        <xdr:cNvSpPr/>
      </xdr:nvSpPr>
      <xdr:spPr>
        <a:xfrm>
          <a:off x="11231880" y="10437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74930</xdr:rowOff>
    </xdr:from>
    <xdr:to>
      <xdr:col>85</xdr:col>
      <xdr:colOff>177800</xdr:colOff>
      <xdr:row>64</xdr:row>
      <xdr:rowOff>5080</xdr:rowOff>
    </xdr:to>
    <xdr:sp macro="" textlink="">
      <xdr:nvSpPr>
        <xdr:cNvPr id="548" name="楕円 547"/>
        <xdr:cNvSpPr/>
      </xdr:nvSpPr>
      <xdr:spPr>
        <a:xfrm>
          <a:off x="14325600" y="1063625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61307</xdr:rowOff>
    </xdr:from>
    <xdr:ext cx="405111" cy="259045"/>
    <xdr:sp macro="" textlink="">
      <xdr:nvSpPr>
        <xdr:cNvPr id="549" name="【学校施設】&#10;有形固定資産減価償却率該当値テキスト"/>
        <xdr:cNvSpPr txBox="1"/>
      </xdr:nvSpPr>
      <xdr:spPr>
        <a:xfrm>
          <a:off x="14414500" y="10554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3</xdr:row>
      <xdr:rowOff>78196</xdr:rowOff>
    </xdr:from>
    <xdr:to>
      <xdr:col>81</xdr:col>
      <xdr:colOff>101600</xdr:colOff>
      <xdr:row>64</xdr:row>
      <xdr:rowOff>8346</xdr:rowOff>
    </xdr:to>
    <xdr:sp macro="" textlink="">
      <xdr:nvSpPr>
        <xdr:cNvPr id="550" name="楕円 549"/>
        <xdr:cNvSpPr/>
      </xdr:nvSpPr>
      <xdr:spPr>
        <a:xfrm>
          <a:off x="13578840" y="106395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125730</xdr:rowOff>
    </xdr:from>
    <xdr:to>
      <xdr:col>85</xdr:col>
      <xdr:colOff>127000</xdr:colOff>
      <xdr:row>63</xdr:row>
      <xdr:rowOff>128996</xdr:rowOff>
    </xdr:to>
    <xdr:cxnSp macro="">
      <xdr:nvCxnSpPr>
        <xdr:cNvPr id="551" name="直線コネクタ 550"/>
        <xdr:cNvCxnSpPr/>
      </xdr:nvCxnSpPr>
      <xdr:spPr>
        <a:xfrm flipV="1">
          <a:off x="13629640" y="10687050"/>
          <a:ext cx="74676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58601</xdr:rowOff>
    </xdr:from>
    <xdr:to>
      <xdr:col>76</xdr:col>
      <xdr:colOff>165100</xdr:colOff>
      <xdr:row>63</xdr:row>
      <xdr:rowOff>160201</xdr:rowOff>
    </xdr:to>
    <xdr:sp macro="" textlink="">
      <xdr:nvSpPr>
        <xdr:cNvPr id="552" name="楕円 551"/>
        <xdr:cNvSpPr/>
      </xdr:nvSpPr>
      <xdr:spPr>
        <a:xfrm>
          <a:off x="12804140" y="10619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109401</xdr:rowOff>
    </xdr:from>
    <xdr:to>
      <xdr:col>81</xdr:col>
      <xdr:colOff>50800</xdr:colOff>
      <xdr:row>63</xdr:row>
      <xdr:rowOff>128996</xdr:rowOff>
    </xdr:to>
    <xdr:cxnSp macro="">
      <xdr:nvCxnSpPr>
        <xdr:cNvPr id="553" name="直線コネクタ 552"/>
        <xdr:cNvCxnSpPr/>
      </xdr:nvCxnSpPr>
      <xdr:spPr>
        <a:xfrm>
          <a:off x="12854940" y="10670721"/>
          <a:ext cx="7747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29210</xdr:rowOff>
    </xdr:from>
    <xdr:to>
      <xdr:col>72</xdr:col>
      <xdr:colOff>38100</xdr:colOff>
      <xdr:row>63</xdr:row>
      <xdr:rowOff>130810</xdr:rowOff>
    </xdr:to>
    <xdr:sp macro="" textlink="">
      <xdr:nvSpPr>
        <xdr:cNvPr id="554" name="楕円 553"/>
        <xdr:cNvSpPr/>
      </xdr:nvSpPr>
      <xdr:spPr>
        <a:xfrm>
          <a:off x="12029440" y="1059053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80010</xdr:rowOff>
    </xdr:from>
    <xdr:to>
      <xdr:col>76</xdr:col>
      <xdr:colOff>114300</xdr:colOff>
      <xdr:row>63</xdr:row>
      <xdr:rowOff>109401</xdr:rowOff>
    </xdr:to>
    <xdr:cxnSp macro="">
      <xdr:nvCxnSpPr>
        <xdr:cNvPr id="555" name="直線コネクタ 554"/>
        <xdr:cNvCxnSpPr/>
      </xdr:nvCxnSpPr>
      <xdr:spPr>
        <a:xfrm>
          <a:off x="12072620" y="10641330"/>
          <a:ext cx="782320" cy="2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3</xdr:row>
      <xdr:rowOff>74930</xdr:rowOff>
    </xdr:from>
    <xdr:to>
      <xdr:col>67</xdr:col>
      <xdr:colOff>101600</xdr:colOff>
      <xdr:row>64</xdr:row>
      <xdr:rowOff>5080</xdr:rowOff>
    </xdr:to>
    <xdr:sp macro="" textlink="">
      <xdr:nvSpPr>
        <xdr:cNvPr id="556" name="楕円 555"/>
        <xdr:cNvSpPr/>
      </xdr:nvSpPr>
      <xdr:spPr>
        <a:xfrm>
          <a:off x="11231880" y="1063625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3</xdr:row>
      <xdr:rowOff>80010</xdr:rowOff>
    </xdr:from>
    <xdr:to>
      <xdr:col>71</xdr:col>
      <xdr:colOff>177800</xdr:colOff>
      <xdr:row>63</xdr:row>
      <xdr:rowOff>125730</xdr:rowOff>
    </xdr:to>
    <xdr:cxnSp macro="">
      <xdr:nvCxnSpPr>
        <xdr:cNvPr id="557" name="直線コネクタ 556"/>
        <xdr:cNvCxnSpPr/>
      </xdr:nvCxnSpPr>
      <xdr:spPr>
        <a:xfrm flipV="1">
          <a:off x="11282680" y="10641330"/>
          <a:ext cx="78994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380</xdr:rowOff>
    </xdr:from>
    <xdr:ext cx="405111" cy="259045"/>
    <xdr:sp macro="" textlink="">
      <xdr:nvSpPr>
        <xdr:cNvPr id="558" name="n_1aveValue【学校施設】&#10;有形固定資産減価償却率"/>
        <xdr:cNvSpPr txBox="1"/>
      </xdr:nvSpPr>
      <xdr:spPr>
        <a:xfrm>
          <a:off x="13437244" y="9891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6303</xdr:rowOff>
    </xdr:from>
    <xdr:ext cx="405111" cy="259045"/>
    <xdr:sp macro="" textlink="">
      <xdr:nvSpPr>
        <xdr:cNvPr id="559" name="n_2aveValue【学校施設】&#10;有形固定資産減価償却率"/>
        <xdr:cNvSpPr txBox="1"/>
      </xdr:nvSpPr>
      <xdr:spPr>
        <a:xfrm>
          <a:off x="12675244" y="99270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147337</xdr:rowOff>
    </xdr:from>
    <xdr:ext cx="405111" cy="259045"/>
    <xdr:sp macro="" textlink="">
      <xdr:nvSpPr>
        <xdr:cNvPr id="560" name="n_3aveValue【学校施設】&#10;有形固定資産減価償却率"/>
        <xdr:cNvSpPr txBox="1"/>
      </xdr:nvSpPr>
      <xdr:spPr>
        <a:xfrm>
          <a:off x="11900544" y="10038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62033</xdr:rowOff>
    </xdr:from>
    <xdr:ext cx="405111" cy="259045"/>
    <xdr:sp macro="" textlink="">
      <xdr:nvSpPr>
        <xdr:cNvPr id="561" name="n_4aveValue【学校施設】&#10;有形固定資産減価償却率"/>
        <xdr:cNvSpPr txBox="1"/>
      </xdr:nvSpPr>
      <xdr:spPr>
        <a:xfrm>
          <a:off x="11102984" y="10220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170923</xdr:rowOff>
    </xdr:from>
    <xdr:ext cx="405111" cy="259045"/>
    <xdr:sp macro="" textlink="">
      <xdr:nvSpPr>
        <xdr:cNvPr id="562" name="n_1mainValue【学校施設】&#10;有形固定資産減価償却率"/>
        <xdr:cNvSpPr txBox="1"/>
      </xdr:nvSpPr>
      <xdr:spPr>
        <a:xfrm>
          <a:off x="13437244" y="107322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51328</xdr:rowOff>
    </xdr:from>
    <xdr:ext cx="405111" cy="259045"/>
    <xdr:sp macro="" textlink="">
      <xdr:nvSpPr>
        <xdr:cNvPr id="563" name="n_2mainValue【学校施設】&#10;有形固定資産減価償却率"/>
        <xdr:cNvSpPr txBox="1"/>
      </xdr:nvSpPr>
      <xdr:spPr>
        <a:xfrm>
          <a:off x="12675244" y="10712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121937</xdr:rowOff>
    </xdr:from>
    <xdr:ext cx="405111" cy="259045"/>
    <xdr:sp macro="" textlink="">
      <xdr:nvSpPr>
        <xdr:cNvPr id="564" name="n_3mainValue【学校施設】&#10;有形固定資産減価償却率"/>
        <xdr:cNvSpPr txBox="1"/>
      </xdr:nvSpPr>
      <xdr:spPr>
        <a:xfrm>
          <a:off x="11900544" y="10683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3</xdr:row>
      <xdr:rowOff>167657</xdr:rowOff>
    </xdr:from>
    <xdr:ext cx="405111" cy="259045"/>
    <xdr:sp macro="" textlink="">
      <xdr:nvSpPr>
        <xdr:cNvPr id="565" name="n_4mainValue【学校施設】&#10;有形固定資産減価償却率"/>
        <xdr:cNvSpPr txBox="1"/>
      </xdr:nvSpPr>
      <xdr:spPr>
        <a:xfrm>
          <a:off x="11102984" y="1072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6" name="テキスト ボックス 575"/>
        <xdr:cNvSpPr txBox="1"/>
      </xdr:nvSpPr>
      <xdr:spPr>
        <a:xfrm>
          <a:off x="1569484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77" name="直線コネクタ 576"/>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8" name="テキスト ボックス 577"/>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9" name="直線コネクタ 578"/>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0" name="テキスト ボックス 579"/>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1" name="直線コネクタ 580"/>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2" name="テキスト ボックス 581"/>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3" name="直線コネクタ 582"/>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4" name="テキスト ボックス 583"/>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5" name="直線コネクタ 584"/>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6" name="テキスト ボックス 585"/>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7" name="直線コネクタ 586"/>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8" name="テキスト ボックス 587"/>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9" name="【学校施設】&#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46990</xdr:rowOff>
    </xdr:from>
    <xdr:to>
      <xdr:col>116</xdr:col>
      <xdr:colOff>62864</xdr:colOff>
      <xdr:row>64</xdr:row>
      <xdr:rowOff>87630</xdr:rowOff>
    </xdr:to>
    <xdr:cxnSp macro="">
      <xdr:nvCxnSpPr>
        <xdr:cNvPr id="590" name="直線コネクタ 589"/>
        <xdr:cNvCxnSpPr/>
      </xdr:nvCxnSpPr>
      <xdr:spPr>
        <a:xfrm flipV="1">
          <a:off x="19509104" y="9267190"/>
          <a:ext cx="0" cy="1549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91457</xdr:rowOff>
    </xdr:from>
    <xdr:ext cx="469744" cy="259045"/>
    <xdr:sp macro="" textlink="">
      <xdr:nvSpPr>
        <xdr:cNvPr id="591" name="【学校施設】&#10;一人当たり面積最小値テキスト"/>
        <xdr:cNvSpPr txBox="1"/>
      </xdr:nvSpPr>
      <xdr:spPr>
        <a:xfrm>
          <a:off x="19547840" y="10820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87630</xdr:rowOff>
    </xdr:from>
    <xdr:to>
      <xdr:col>116</xdr:col>
      <xdr:colOff>152400</xdr:colOff>
      <xdr:row>64</xdr:row>
      <xdr:rowOff>87630</xdr:rowOff>
    </xdr:to>
    <xdr:cxnSp macro="">
      <xdr:nvCxnSpPr>
        <xdr:cNvPr id="592" name="直線コネクタ 591"/>
        <xdr:cNvCxnSpPr/>
      </xdr:nvCxnSpPr>
      <xdr:spPr>
        <a:xfrm>
          <a:off x="19443700" y="108165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3</xdr:row>
      <xdr:rowOff>165117</xdr:rowOff>
    </xdr:from>
    <xdr:ext cx="469744" cy="259045"/>
    <xdr:sp macro="" textlink="">
      <xdr:nvSpPr>
        <xdr:cNvPr id="593" name="【学校施設】&#10;一人当たり面積最大値テキスト"/>
        <xdr:cNvSpPr txBox="1"/>
      </xdr:nvSpPr>
      <xdr:spPr>
        <a:xfrm>
          <a:off x="19547840" y="9050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46990</xdr:rowOff>
    </xdr:from>
    <xdr:to>
      <xdr:col>116</xdr:col>
      <xdr:colOff>152400</xdr:colOff>
      <xdr:row>55</xdr:row>
      <xdr:rowOff>46990</xdr:rowOff>
    </xdr:to>
    <xdr:cxnSp macro="">
      <xdr:nvCxnSpPr>
        <xdr:cNvPr id="594" name="直線コネクタ 593"/>
        <xdr:cNvCxnSpPr/>
      </xdr:nvCxnSpPr>
      <xdr:spPr>
        <a:xfrm>
          <a:off x="19443700" y="92671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38117</xdr:rowOff>
    </xdr:from>
    <xdr:ext cx="469744" cy="259045"/>
    <xdr:sp macro="" textlink="">
      <xdr:nvSpPr>
        <xdr:cNvPr id="595" name="【学校施設】&#10;一人当たり面積平均値テキスト"/>
        <xdr:cNvSpPr txBox="1"/>
      </xdr:nvSpPr>
      <xdr:spPr>
        <a:xfrm>
          <a:off x="19547840" y="102641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5240</xdr:rowOff>
    </xdr:from>
    <xdr:to>
      <xdr:col>116</xdr:col>
      <xdr:colOff>114300</xdr:colOff>
      <xdr:row>62</xdr:row>
      <xdr:rowOff>116840</xdr:rowOff>
    </xdr:to>
    <xdr:sp macro="" textlink="">
      <xdr:nvSpPr>
        <xdr:cNvPr id="596" name="フローチャート: 判断 595"/>
        <xdr:cNvSpPr/>
      </xdr:nvSpPr>
      <xdr:spPr>
        <a:xfrm>
          <a:off x="19458940" y="1040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0160</xdr:rowOff>
    </xdr:from>
    <xdr:to>
      <xdr:col>112</xdr:col>
      <xdr:colOff>38100</xdr:colOff>
      <xdr:row>62</xdr:row>
      <xdr:rowOff>111760</xdr:rowOff>
    </xdr:to>
    <xdr:sp macro="" textlink="">
      <xdr:nvSpPr>
        <xdr:cNvPr id="597" name="フローチャート: 判断 596"/>
        <xdr:cNvSpPr/>
      </xdr:nvSpPr>
      <xdr:spPr>
        <a:xfrm>
          <a:off x="18735040" y="1040384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6510</xdr:rowOff>
    </xdr:from>
    <xdr:to>
      <xdr:col>107</xdr:col>
      <xdr:colOff>101600</xdr:colOff>
      <xdr:row>62</xdr:row>
      <xdr:rowOff>118110</xdr:rowOff>
    </xdr:to>
    <xdr:sp macro="" textlink="">
      <xdr:nvSpPr>
        <xdr:cNvPr id="598" name="フローチャート: 判断 597"/>
        <xdr:cNvSpPr/>
      </xdr:nvSpPr>
      <xdr:spPr>
        <a:xfrm>
          <a:off x="17937480" y="1041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0</xdr:rowOff>
    </xdr:from>
    <xdr:to>
      <xdr:col>102</xdr:col>
      <xdr:colOff>165100</xdr:colOff>
      <xdr:row>62</xdr:row>
      <xdr:rowOff>101600</xdr:rowOff>
    </xdr:to>
    <xdr:sp macro="" textlink="">
      <xdr:nvSpPr>
        <xdr:cNvPr id="599" name="フローチャート: 判断 598"/>
        <xdr:cNvSpPr/>
      </xdr:nvSpPr>
      <xdr:spPr>
        <a:xfrm>
          <a:off x="17162780" y="1039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2540</xdr:rowOff>
    </xdr:from>
    <xdr:to>
      <xdr:col>98</xdr:col>
      <xdr:colOff>38100</xdr:colOff>
      <xdr:row>62</xdr:row>
      <xdr:rowOff>104140</xdr:rowOff>
    </xdr:to>
    <xdr:sp macro="" textlink="">
      <xdr:nvSpPr>
        <xdr:cNvPr id="600" name="フローチャート: 判断 599"/>
        <xdr:cNvSpPr/>
      </xdr:nvSpPr>
      <xdr:spPr>
        <a:xfrm>
          <a:off x="16388080" y="103962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1" name="テキスト ボックス 600"/>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2" name="テキスト ボックス 601"/>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3" name="テキスト ボックス 602"/>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4" name="テキスト ボックス 603"/>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5" name="テキスト ボックス 604"/>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34620</xdr:rowOff>
    </xdr:from>
    <xdr:to>
      <xdr:col>116</xdr:col>
      <xdr:colOff>114300</xdr:colOff>
      <xdr:row>64</xdr:row>
      <xdr:rowOff>64770</xdr:rowOff>
    </xdr:to>
    <xdr:sp macro="" textlink="">
      <xdr:nvSpPr>
        <xdr:cNvPr id="606" name="楕円 605"/>
        <xdr:cNvSpPr/>
      </xdr:nvSpPr>
      <xdr:spPr>
        <a:xfrm>
          <a:off x="19458940" y="106959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3</xdr:row>
      <xdr:rowOff>49547</xdr:rowOff>
    </xdr:from>
    <xdr:ext cx="469744" cy="259045"/>
    <xdr:sp macro="" textlink="">
      <xdr:nvSpPr>
        <xdr:cNvPr id="607" name="【学校施設】&#10;一人当たり面積該当値テキスト"/>
        <xdr:cNvSpPr txBox="1"/>
      </xdr:nvSpPr>
      <xdr:spPr>
        <a:xfrm>
          <a:off x="19547840" y="10610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128270</xdr:rowOff>
    </xdr:from>
    <xdr:to>
      <xdr:col>112</xdr:col>
      <xdr:colOff>38100</xdr:colOff>
      <xdr:row>64</xdr:row>
      <xdr:rowOff>58420</xdr:rowOff>
    </xdr:to>
    <xdr:sp macro="" textlink="">
      <xdr:nvSpPr>
        <xdr:cNvPr id="608" name="楕円 607"/>
        <xdr:cNvSpPr/>
      </xdr:nvSpPr>
      <xdr:spPr>
        <a:xfrm>
          <a:off x="18735040" y="106895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4</xdr:row>
      <xdr:rowOff>7620</xdr:rowOff>
    </xdr:from>
    <xdr:to>
      <xdr:col>116</xdr:col>
      <xdr:colOff>63500</xdr:colOff>
      <xdr:row>64</xdr:row>
      <xdr:rowOff>13970</xdr:rowOff>
    </xdr:to>
    <xdr:cxnSp macro="">
      <xdr:nvCxnSpPr>
        <xdr:cNvPr id="609" name="直線コネクタ 608"/>
        <xdr:cNvCxnSpPr/>
      </xdr:nvCxnSpPr>
      <xdr:spPr>
        <a:xfrm>
          <a:off x="18778220" y="10736580"/>
          <a:ext cx="731520" cy="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19380</xdr:rowOff>
    </xdr:from>
    <xdr:to>
      <xdr:col>107</xdr:col>
      <xdr:colOff>101600</xdr:colOff>
      <xdr:row>64</xdr:row>
      <xdr:rowOff>49530</xdr:rowOff>
    </xdr:to>
    <xdr:sp macro="" textlink="">
      <xdr:nvSpPr>
        <xdr:cNvPr id="610" name="楕円 609"/>
        <xdr:cNvSpPr/>
      </xdr:nvSpPr>
      <xdr:spPr>
        <a:xfrm>
          <a:off x="17937480" y="106807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170180</xdr:rowOff>
    </xdr:from>
    <xdr:to>
      <xdr:col>111</xdr:col>
      <xdr:colOff>177800</xdr:colOff>
      <xdr:row>64</xdr:row>
      <xdr:rowOff>7620</xdr:rowOff>
    </xdr:to>
    <xdr:cxnSp macro="">
      <xdr:nvCxnSpPr>
        <xdr:cNvPr id="611" name="直線コネクタ 610"/>
        <xdr:cNvCxnSpPr/>
      </xdr:nvCxnSpPr>
      <xdr:spPr>
        <a:xfrm>
          <a:off x="17988280" y="10731500"/>
          <a:ext cx="78994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3</xdr:row>
      <xdr:rowOff>107950</xdr:rowOff>
    </xdr:from>
    <xdr:to>
      <xdr:col>102</xdr:col>
      <xdr:colOff>165100</xdr:colOff>
      <xdr:row>64</xdr:row>
      <xdr:rowOff>38100</xdr:rowOff>
    </xdr:to>
    <xdr:sp macro="" textlink="">
      <xdr:nvSpPr>
        <xdr:cNvPr id="612" name="楕円 611"/>
        <xdr:cNvSpPr/>
      </xdr:nvSpPr>
      <xdr:spPr>
        <a:xfrm>
          <a:off x="17162780" y="106692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3</xdr:row>
      <xdr:rowOff>158750</xdr:rowOff>
    </xdr:from>
    <xdr:to>
      <xdr:col>107</xdr:col>
      <xdr:colOff>50800</xdr:colOff>
      <xdr:row>63</xdr:row>
      <xdr:rowOff>170180</xdr:rowOff>
    </xdr:to>
    <xdr:cxnSp macro="">
      <xdr:nvCxnSpPr>
        <xdr:cNvPr id="613" name="直線コネクタ 612"/>
        <xdr:cNvCxnSpPr/>
      </xdr:nvCxnSpPr>
      <xdr:spPr>
        <a:xfrm>
          <a:off x="17213580" y="10720070"/>
          <a:ext cx="7747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3</xdr:row>
      <xdr:rowOff>123190</xdr:rowOff>
    </xdr:from>
    <xdr:to>
      <xdr:col>98</xdr:col>
      <xdr:colOff>38100</xdr:colOff>
      <xdr:row>64</xdr:row>
      <xdr:rowOff>53340</xdr:rowOff>
    </xdr:to>
    <xdr:sp macro="" textlink="">
      <xdr:nvSpPr>
        <xdr:cNvPr id="614" name="楕円 613"/>
        <xdr:cNvSpPr/>
      </xdr:nvSpPr>
      <xdr:spPr>
        <a:xfrm>
          <a:off x="16388080" y="1068451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3</xdr:row>
      <xdr:rowOff>158750</xdr:rowOff>
    </xdr:from>
    <xdr:to>
      <xdr:col>102</xdr:col>
      <xdr:colOff>114300</xdr:colOff>
      <xdr:row>64</xdr:row>
      <xdr:rowOff>2540</xdr:rowOff>
    </xdr:to>
    <xdr:cxnSp macro="">
      <xdr:nvCxnSpPr>
        <xdr:cNvPr id="615" name="直線コネクタ 614"/>
        <xdr:cNvCxnSpPr/>
      </xdr:nvCxnSpPr>
      <xdr:spPr>
        <a:xfrm flipV="1">
          <a:off x="16431260" y="10720070"/>
          <a:ext cx="78232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8287</xdr:rowOff>
    </xdr:from>
    <xdr:ext cx="469744" cy="259045"/>
    <xdr:sp macro="" textlink="">
      <xdr:nvSpPr>
        <xdr:cNvPr id="616" name="n_1aveValue【学校施設】&#10;一人当たり面積"/>
        <xdr:cNvSpPr txBox="1"/>
      </xdr:nvSpPr>
      <xdr:spPr>
        <a:xfrm>
          <a:off x="18561127" y="10186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34637</xdr:rowOff>
    </xdr:from>
    <xdr:ext cx="469744" cy="259045"/>
    <xdr:sp macro="" textlink="">
      <xdr:nvSpPr>
        <xdr:cNvPr id="617" name="n_2aveValue【学校施設】&#10;一人当たり面積"/>
        <xdr:cNvSpPr txBox="1"/>
      </xdr:nvSpPr>
      <xdr:spPr>
        <a:xfrm>
          <a:off x="17776267" y="10193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18127</xdr:rowOff>
    </xdr:from>
    <xdr:ext cx="469744" cy="259045"/>
    <xdr:sp macro="" textlink="">
      <xdr:nvSpPr>
        <xdr:cNvPr id="618" name="n_3aveValue【学校施設】&#10;一人当たり面積"/>
        <xdr:cNvSpPr txBox="1"/>
      </xdr:nvSpPr>
      <xdr:spPr>
        <a:xfrm>
          <a:off x="17001567" y="1017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20667</xdr:rowOff>
    </xdr:from>
    <xdr:ext cx="469744" cy="259045"/>
    <xdr:sp macro="" textlink="">
      <xdr:nvSpPr>
        <xdr:cNvPr id="619" name="n_4aveValue【学校施設】&#10;一人当たり面積"/>
        <xdr:cNvSpPr txBox="1"/>
      </xdr:nvSpPr>
      <xdr:spPr>
        <a:xfrm>
          <a:off x="16226867" y="10179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4</xdr:row>
      <xdr:rowOff>49547</xdr:rowOff>
    </xdr:from>
    <xdr:ext cx="469744" cy="259045"/>
    <xdr:sp macro="" textlink="">
      <xdr:nvSpPr>
        <xdr:cNvPr id="620" name="n_1mainValue【学校施設】&#10;一人当たり面積"/>
        <xdr:cNvSpPr txBox="1"/>
      </xdr:nvSpPr>
      <xdr:spPr>
        <a:xfrm>
          <a:off x="18561127" y="10778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4</xdr:row>
      <xdr:rowOff>40657</xdr:rowOff>
    </xdr:from>
    <xdr:ext cx="469744" cy="259045"/>
    <xdr:sp macro="" textlink="">
      <xdr:nvSpPr>
        <xdr:cNvPr id="621" name="n_2mainValue【学校施設】&#10;一人当たり面積"/>
        <xdr:cNvSpPr txBox="1"/>
      </xdr:nvSpPr>
      <xdr:spPr>
        <a:xfrm>
          <a:off x="17776267" y="10769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4</xdr:row>
      <xdr:rowOff>29227</xdr:rowOff>
    </xdr:from>
    <xdr:ext cx="469744" cy="259045"/>
    <xdr:sp macro="" textlink="">
      <xdr:nvSpPr>
        <xdr:cNvPr id="622" name="n_3mainValue【学校施設】&#10;一人当たり面積"/>
        <xdr:cNvSpPr txBox="1"/>
      </xdr:nvSpPr>
      <xdr:spPr>
        <a:xfrm>
          <a:off x="17001567" y="10758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4</xdr:row>
      <xdr:rowOff>44467</xdr:rowOff>
    </xdr:from>
    <xdr:ext cx="469744" cy="259045"/>
    <xdr:sp macro="" textlink="">
      <xdr:nvSpPr>
        <xdr:cNvPr id="623" name="n_4mainValue【学校施設】&#10;一人当たり面積"/>
        <xdr:cNvSpPr txBox="1"/>
      </xdr:nvSpPr>
      <xdr:spPr>
        <a:xfrm>
          <a:off x="16226867" y="10773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4" name="正方形/長方形 623"/>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5" name="正方形/長方形 624"/>
        <xdr:cNvSpPr/>
      </xdr:nvSpPr>
      <xdr:spPr>
        <a:xfrm>
          <a:off x="11064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6" name="正方形/長方形 625"/>
        <xdr:cNvSpPr/>
      </xdr:nvSpPr>
      <xdr:spPr>
        <a:xfrm>
          <a:off x="11064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7" name="正方形/長方形 626"/>
        <xdr:cNvSpPr/>
      </xdr:nvSpPr>
      <xdr:spPr>
        <a:xfrm>
          <a:off x="119659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8" name="正方形/長方形 627"/>
        <xdr:cNvSpPr/>
      </xdr:nvSpPr>
      <xdr:spPr>
        <a:xfrm>
          <a:off x="119659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9" name="正方形/長方形 628"/>
        <xdr:cNvSpPr/>
      </xdr:nvSpPr>
      <xdr:spPr>
        <a:xfrm>
          <a:off x="129717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0" name="正方形/長方形 629"/>
        <xdr:cNvSpPr/>
      </xdr:nvSpPr>
      <xdr:spPr>
        <a:xfrm>
          <a:off x="129717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1" name="正方形/長方形 630"/>
        <xdr:cNvSpPr/>
      </xdr:nvSpPr>
      <xdr:spPr>
        <a:xfrm>
          <a:off x="1096010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2" name="テキスト ボックス 631"/>
        <xdr:cNvSpPr txBox="1"/>
      </xdr:nvSpPr>
      <xdr:spPr>
        <a:xfrm>
          <a:off x="1092200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3" name="直線コネクタ 632"/>
        <xdr:cNvCxnSpPr/>
      </xdr:nvCxnSpPr>
      <xdr:spPr>
        <a:xfrm>
          <a:off x="10960100" y="149047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4" name="テキスト ボックス 633"/>
        <xdr:cNvSpPr txBox="1"/>
      </xdr:nvSpPr>
      <xdr:spPr>
        <a:xfrm>
          <a:off x="10561501" y="147624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35" name="直線コネクタ 634"/>
        <xdr:cNvCxnSpPr/>
      </xdr:nvCxnSpPr>
      <xdr:spPr>
        <a:xfrm>
          <a:off x="10960100" y="14585769"/>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36" name="テキスト ボックス 635"/>
        <xdr:cNvSpPr txBox="1"/>
      </xdr:nvSpPr>
      <xdr:spPr>
        <a:xfrm>
          <a:off x="105615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37" name="直線コネクタ 636"/>
        <xdr:cNvCxnSpPr/>
      </xdr:nvCxnSpPr>
      <xdr:spPr>
        <a:xfrm>
          <a:off x="10960100" y="14263007"/>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38" name="テキスト ボックス 637"/>
        <xdr:cNvSpPr txBox="1"/>
      </xdr:nvSpPr>
      <xdr:spPr>
        <a:xfrm>
          <a:off x="10602761" y="1412459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39" name="直線コネクタ 638"/>
        <xdr:cNvCxnSpPr/>
      </xdr:nvCxnSpPr>
      <xdr:spPr>
        <a:xfrm>
          <a:off x="10960100" y="13944056"/>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40" name="テキスト ボックス 639"/>
        <xdr:cNvSpPr txBox="1"/>
      </xdr:nvSpPr>
      <xdr:spPr>
        <a:xfrm>
          <a:off x="10602761" y="1380564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41" name="直線コネクタ 640"/>
        <xdr:cNvCxnSpPr/>
      </xdr:nvCxnSpPr>
      <xdr:spPr>
        <a:xfrm>
          <a:off x="10960100" y="13625104"/>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42" name="テキスト ボックス 641"/>
        <xdr:cNvSpPr txBox="1"/>
      </xdr:nvSpPr>
      <xdr:spPr>
        <a:xfrm>
          <a:off x="10602761" y="134866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43" name="直線コネクタ 642"/>
        <xdr:cNvCxnSpPr/>
      </xdr:nvCxnSpPr>
      <xdr:spPr>
        <a:xfrm>
          <a:off x="10960100" y="13306153"/>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44" name="テキスト ボックス 643"/>
        <xdr:cNvSpPr txBox="1"/>
      </xdr:nvSpPr>
      <xdr:spPr>
        <a:xfrm>
          <a:off x="10602761" y="1316774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45" name="直線コネクタ 644"/>
        <xdr:cNvCxnSpPr/>
      </xdr:nvCxnSpPr>
      <xdr:spPr>
        <a:xfrm>
          <a:off x="10960100" y="12987201"/>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46" name="テキスト ボックス 645"/>
        <xdr:cNvSpPr txBox="1"/>
      </xdr:nvSpPr>
      <xdr:spPr>
        <a:xfrm>
          <a:off x="10666881" y="1284878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7" name="直線コネクタ 646"/>
        <xdr:cNvCxnSpPr/>
      </xdr:nvCxnSpPr>
      <xdr:spPr>
        <a:xfrm>
          <a:off x="10960100" y="126682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48" name="【児童館】&#10;有形固定資産減価償却率グラフ枠"/>
        <xdr:cNvSpPr/>
      </xdr:nvSpPr>
      <xdr:spPr>
        <a:xfrm>
          <a:off x="1096010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85452</xdr:rowOff>
    </xdr:from>
    <xdr:to>
      <xdr:col>85</xdr:col>
      <xdr:colOff>126364</xdr:colOff>
      <xdr:row>85</xdr:row>
      <xdr:rowOff>150768</xdr:rowOff>
    </xdr:to>
    <xdr:cxnSp macro="">
      <xdr:nvCxnSpPr>
        <xdr:cNvPr id="649" name="直線コネクタ 648"/>
        <xdr:cNvCxnSpPr/>
      </xdr:nvCxnSpPr>
      <xdr:spPr>
        <a:xfrm flipV="1">
          <a:off x="14375764" y="13161372"/>
          <a:ext cx="0" cy="12387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154595</xdr:rowOff>
    </xdr:from>
    <xdr:ext cx="405111" cy="259045"/>
    <xdr:sp macro="" textlink="">
      <xdr:nvSpPr>
        <xdr:cNvPr id="650" name="【児童館】&#10;有形固定資産減価償却率最小値テキスト"/>
        <xdr:cNvSpPr txBox="1"/>
      </xdr:nvSpPr>
      <xdr:spPr>
        <a:xfrm>
          <a:off x="14414500" y="144039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150768</xdr:rowOff>
    </xdr:from>
    <xdr:to>
      <xdr:col>86</xdr:col>
      <xdr:colOff>25400</xdr:colOff>
      <xdr:row>85</xdr:row>
      <xdr:rowOff>150768</xdr:rowOff>
    </xdr:to>
    <xdr:cxnSp macro="">
      <xdr:nvCxnSpPr>
        <xdr:cNvPr id="651" name="直線コネクタ 650"/>
        <xdr:cNvCxnSpPr/>
      </xdr:nvCxnSpPr>
      <xdr:spPr>
        <a:xfrm>
          <a:off x="14287500" y="1440016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32129</xdr:rowOff>
    </xdr:from>
    <xdr:ext cx="405111" cy="259045"/>
    <xdr:sp macro="" textlink="">
      <xdr:nvSpPr>
        <xdr:cNvPr id="652" name="【児童館】&#10;有形固定資産減価償却率最大値テキスト"/>
        <xdr:cNvSpPr txBox="1"/>
      </xdr:nvSpPr>
      <xdr:spPr>
        <a:xfrm>
          <a:off x="14414500" y="129404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85452</xdr:rowOff>
    </xdr:from>
    <xdr:to>
      <xdr:col>86</xdr:col>
      <xdr:colOff>25400</xdr:colOff>
      <xdr:row>78</xdr:row>
      <xdr:rowOff>85452</xdr:rowOff>
    </xdr:to>
    <xdr:cxnSp macro="">
      <xdr:nvCxnSpPr>
        <xdr:cNvPr id="653" name="直線コネクタ 652"/>
        <xdr:cNvCxnSpPr/>
      </xdr:nvCxnSpPr>
      <xdr:spPr>
        <a:xfrm>
          <a:off x="14287500" y="1316137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21211</xdr:rowOff>
    </xdr:from>
    <xdr:ext cx="405111" cy="259045"/>
    <xdr:sp macro="" textlink="">
      <xdr:nvSpPr>
        <xdr:cNvPr id="654" name="【児童館】&#10;有形固定資産減価償却率平均値テキスト"/>
        <xdr:cNvSpPr txBox="1"/>
      </xdr:nvSpPr>
      <xdr:spPr>
        <a:xfrm>
          <a:off x="14414500" y="137000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98334</xdr:rowOff>
    </xdr:from>
    <xdr:to>
      <xdr:col>85</xdr:col>
      <xdr:colOff>177800</xdr:colOff>
      <xdr:row>83</xdr:row>
      <xdr:rowOff>28484</xdr:rowOff>
    </xdr:to>
    <xdr:sp macro="" textlink="">
      <xdr:nvSpPr>
        <xdr:cNvPr id="655" name="フローチャート: 判断 654"/>
        <xdr:cNvSpPr/>
      </xdr:nvSpPr>
      <xdr:spPr>
        <a:xfrm>
          <a:off x="14325600" y="13844814"/>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24461</xdr:rowOff>
    </xdr:from>
    <xdr:to>
      <xdr:col>81</xdr:col>
      <xdr:colOff>101600</xdr:colOff>
      <xdr:row>83</xdr:row>
      <xdr:rowOff>54611</xdr:rowOff>
    </xdr:to>
    <xdr:sp macro="" textlink="">
      <xdr:nvSpPr>
        <xdr:cNvPr id="656" name="フローチャート: 判断 655"/>
        <xdr:cNvSpPr/>
      </xdr:nvSpPr>
      <xdr:spPr>
        <a:xfrm>
          <a:off x="13578840" y="1387094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8334</xdr:rowOff>
    </xdr:from>
    <xdr:to>
      <xdr:col>76</xdr:col>
      <xdr:colOff>165100</xdr:colOff>
      <xdr:row>83</xdr:row>
      <xdr:rowOff>28484</xdr:rowOff>
    </xdr:to>
    <xdr:sp macro="" textlink="">
      <xdr:nvSpPr>
        <xdr:cNvPr id="657" name="フローチャート: 判断 656"/>
        <xdr:cNvSpPr/>
      </xdr:nvSpPr>
      <xdr:spPr>
        <a:xfrm>
          <a:off x="12804140" y="1384481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08131</xdr:rowOff>
    </xdr:from>
    <xdr:to>
      <xdr:col>72</xdr:col>
      <xdr:colOff>38100</xdr:colOff>
      <xdr:row>83</xdr:row>
      <xdr:rowOff>38281</xdr:rowOff>
    </xdr:to>
    <xdr:sp macro="" textlink="">
      <xdr:nvSpPr>
        <xdr:cNvPr id="658" name="フローチャート: 判断 657"/>
        <xdr:cNvSpPr/>
      </xdr:nvSpPr>
      <xdr:spPr>
        <a:xfrm>
          <a:off x="12029440" y="138546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63649</xdr:rowOff>
    </xdr:from>
    <xdr:to>
      <xdr:col>67</xdr:col>
      <xdr:colOff>101600</xdr:colOff>
      <xdr:row>83</xdr:row>
      <xdr:rowOff>93799</xdr:rowOff>
    </xdr:to>
    <xdr:sp macro="" textlink="">
      <xdr:nvSpPr>
        <xdr:cNvPr id="659" name="フローチャート: 判断 658"/>
        <xdr:cNvSpPr/>
      </xdr:nvSpPr>
      <xdr:spPr>
        <a:xfrm>
          <a:off x="11231880" y="139101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0" name="テキスト ボックス 659"/>
        <xdr:cNvSpPr txBox="1"/>
      </xdr:nvSpPr>
      <xdr:spPr>
        <a:xfrm>
          <a:off x="14208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1" name="テキスト ボックス 660"/>
        <xdr:cNvSpPr txBox="1"/>
      </xdr:nvSpPr>
      <xdr:spPr>
        <a:xfrm>
          <a:off x="134620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2" name="テキスト ボックス 661"/>
        <xdr:cNvSpPr txBox="1"/>
      </xdr:nvSpPr>
      <xdr:spPr>
        <a:xfrm>
          <a:off x="126873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3" name="テキスト ボックス 662"/>
        <xdr:cNvSpPr txBox="1"/>
      </xdr:nvSpPr>
      <xdr:spPr>
        <a:xfrm>
          <a:off x="119049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4" name="テキスト ボックス 663"/>
        <xdr:cNvSpPr txBox="1"/>
      </xdr:nvSpPr>
      <xdr:spPr>
        <a:xfrm>
          <a:off x="111150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63649</xdr:rowOff>
    </xdr:from>
    <xdr:to>
      <xdr:col>85</xdr:col>
      <xdr:colOff>177800</xdr:colOff>
      <xdr:row>84</xdr:row>
      <xdr:rowOff>93799</xdr:rowOff>
    </xdr:to>
    <xdr:sp macro="" textlink="">
      <xdr:nvSpPr>
        <xdr:cNvPr id="665" name="楕円 664"/>
        <xdr:cNvSpPr/>
      </xdr:nvSpPr>
      <xdr:spPr>
        <a:xfrm>
          <a:off x="14325600" y="14077769"/>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42076</xdr:rowOff>
    </xdr:from>
    <xdr:ext cx="405111" cy="259045"/>
    <xdr:sp macro="" textlink="">
      <xdr:nvSpPr>
        <xdr:cNvPr id="666" name="【児童館】&#10;有形固定資産減価償却率該当値テキスト"/>
        <xdr:cNvSpPr txBox="1"/>
      </xdr:nvSpPr>
      <xdr:spPr>
        <a:xfrm>
          <a:off x="14414500" y="140561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144055</xdr:rowOff>
    </xdr:from>
    <xdr:to>
      <xdr:col>81</xdr:col>
      <xdr:colOff>101600</xdr:colOff>
      <xdr:row>84</xdr:row>
      <xdr:rowOff>74205</xdr:rowOff>
    </xdr:to>
    <xdr:sp macro="" textlink="">
      <xdr:nvSpPr>
        <xdr:cNvPr id="667" name="楕円 666"/>
        <xdr:cNvSpPr/>
      </xdr:nvSpPr>
      <xdr:spPr>
        <a:xfrm>
          <a:off x="13578840" y="140581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23405</xdr:rowOff>
    </xdr:from>
    <xdr:to>
      <xdr:col>85</xdr:col>
      <xdr:colOff>127000</xdr:colOff>
      <xdr:row>84</xdr:row>
      <xdr:rowOff>42999</xdr:rowOff>
    </xdr:to>
    <xdr:cxnSp macro="">
      <xdr:nvCxnSpPr>
        <xdr:cNvPr id="668" name="直線コネクタ 667"/>
        <xdr:cNvCxnSpPr/>
      </xdr:nvCxnSpPr>
      <xdr:spPr>
        <a:xfrm>
          <a:off x="13629640" y="14105165"/>
          <a:ext cx="74676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117929</xdr:rowOff>
    </xdr:from>
    <xdr:to>
      <xdr:col>76</xdr:col>
      <xdr:colOff>165100</xdr:colOff>
      <xdr:row>84</xdr:row>
      <xdr:rowOff>48079</xdr:rowOff>
    </xdr:to>
    <xdr:sp macro="" textlink="">
      <xdr:nvSpPr>
        <xdr:cNvPr id="669" name="楕円 668"/>
        <xdr:cNvSpPr/>
      </xdr:nvSpPr>
      <xdr:spPr>
        <a:xfrm>
          <a:off x="12804140" y="1403204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68729</xdr:rowOff>
    </xdr:from>
    <xdr:to>
      <xdr:col>81</xdr:col>
      <xdr:colOff>50800</xdr:colOff>
      <xdr:row>84</xdr:row>
      <xdr:rowOff>23405</xdr:rowOff>
    </xdr:to>
    <xdr:cxnSp macro="">
      <xdr:nvCxnSpPr>
        <xdr:cNvPr id="670" name="直線コネクタ 669"/>
        <xdr:cNvCxnSpPr/>
      </xdr:nvCxnSpPr>
      <xdr:spPr>
        <a:xfrm>
          <a:off x="12854940" y="14082849"/>
          <a:ext cx="774700" cy="22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155484</xdr:rowOff>
    </xdr:from>
    <xdr:to>
      <xdr:col>72</xdr:col>
      <xdr:colOff>38100</xdr:colOff>
      <xdr:row>84</xdr:row>
      <xdr:rowOff>85634</xdr:rowOff>
    </xdr:to>
    <xdr:sp macro="" textlink="">
      <xdr:nvSpPr>
        <xdr:cNvPr id="671" name="楕円 670"/>
        <xdr:cNvSpPr/>
      </xdr:nvSpPr>
      <xdr:spPr>
        <a:xfrm>
          <a:off x="12029440" y="1406960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68729</xdr:rowOff>
    </xdr:from>
    <xdr:to>
      <xdr:col>76</xdr:col>
      <xdr:colOff>114300</xdr:colOff>
      <xdr:row>84</xdr:row>
      <xdr:rowOff>34834</xdr:rowOff>
    </xdr:to>
    <xdr:cxnSp macro="">
      <xdr:nvCxnSpPr>
        <xdr:cNvPr id="672" name="直線コネクタ 671"/>
        <xdr:cNvCxnSpPr/>
      </xdr:nvCxnSpPr>
      <xdr:spPr>
        <a:xfrm flipV="1">
          <a:off x="12072620" y="14082849"/>
          <a:ext cx="782320" cy="33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2</xdr:row>
      <xdr:rowOff>166914</xdr:rowOff>
    </xdr:from>
    <xdr:to>
      <xdr:col>67</xdr:col>
      <xdr:colOff>101600</xdr:colOff>
      <xdr:row>83</xdr:row>
      <xdr:rowOff>97064</xdr:rowOff>
    </xdr:to>
    <xdr:sp macro="" textlink="">
      <xdr:nvSpPr>
        <xdr:cNvPr id="673" name="楕円 672"/>
        <xdr:cNvSpPr/>
      </xdr:nvSpPr>
      <xdr:spPr>
        <a:xfrm>
          <a:off x="11231880" y="1391339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46264</xdr:rowOff>
    </xdr:from>
    <xdr:to>
      <xdr:col>71</xdr:col>
      <xdr:colOff>177800</xdr:colOff>
      <xdr:row>84</xdr:row>
      <xdr:rowOff>34834</xdr:rowOff>
    </xdr:to>
    <xdr:cxnSp macro="">
      <xdr:nvCxnSpPr>
        <xdr:cNvPr id="674" name="直線コネクタ 673"/>
        <xdr:cNvCxnSpPr/>
      </xdr:nvCxnSpPr>
      <xdr:spPr>
        <a:xfrm>
          <a:off x="11282680" y="13960384"/>
          <a:ext cx="789940" cy="156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71138</xdr:rowOff>
    </xdr:from>
    <xdr:ext cx="405111" cy="259045"/>
    <xdr:sp macro="" textlink="">
      <xdr:nvSpPr>
        <xdr:cNvPr id="675" name="n_1aveValue【児童館】&#10;有形固定資産減価償却率"/>
        <xdr:cNvSpPr txBox="1"/>
      </xdr:nvSpPr>
      <xdr:spPr>
        <a:xfrm>
          <a:off x="13437244" y="136499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5011</xdr:rowOff>
    </xdr:from>
    <xdr:ext cx="405111" cy="259045"/>
    <xdr:sp macro="" textlink="">
      <xdr:nvSpPr>
        <xdr:cNvPr id="676" name="n_2aveValue【児童館】&#10;有形固定資産減価償却率"/>
        <xdr:cNvSpPr txBox="1"/>
      </xdr:nvSpPr>
      <xdr:spPr>
        <a:xfrm>
          <a:off x="12675244" y="13623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54808</xdr:rowOff>
    </xdr:from>
    <xdr:ext cx="405111" cy="259045"/>
    <xdr:sp macro="" textlink="">
      <xdr:nvSpPr>
        <xdr:cNvPr id="677" name="n_3aveValue【児童館】&#10;有形固定資産減価償却率"/>
        <xdr:cNvSpPr txBox="1"/>
      </xdr:nvSpPr>
      <xdr:spPr>
        <a:xfrm>
          <a:off x="11900544" y="136336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110326</xdr:rowOff>
    </xdr:from>
    <xdr:ext cx="405111" cy="259045"/>
    <xdr:sp macro="" textlink="">
      <xdr:nvSpPr>
        <xdr:cNvPr id="678" name="n_4aveValue【児童館】&#10;有形固定資産減価償却率"/>
        <xdr:cNvSpPr txBox="1"/>
      </xdr:nvSpPr>
      <xdr:spPr>
        <a:xfrm>
          <a:off x="11102984" y="13689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65332</xdr:rowOff>
    </xdr:from>
    <xdr:ext cx="405111" cy="259045"/>
    <xdr:sp macro="" textlink="">
      <xdr:nvSpPr>
        <xdr:cNvPr id="679" name="n_1mainValue【児童館】&#10;有形固定資産減価償却率"/>
        <xdr:cNvSpPr txBox="1"/>
      </xdr:nvSpPr>
      <xdr:spPr>
        <a:xfrm>
          <a:off x="13437244" y="1414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39206</xdr:rowOff>
    </xdr:from>
    <xdr:ext cx="405111" cy="259045"/>
    <xdr:sp macro="" textlink="">
      <xdr:nvSpPr>
        <xdr:cNvPr id="680" name="n_2mainValue【児童館】&#10;有形固定資産減価償却率"/>
        <xdr:cNvSpPr txBox="1"/>
      </xdr:nvSpPr>
      <xdr:spPr>
        <a:xfrm>
          <a:off x="12675244" y="141209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4</xdr:row>
      <xdr:rowOff>76761</xdr:rowOff>
    </xdr:from>
    <xdr:ext cx="405111" cy="259045"/>
    <xdr:sp macro="" textlink="">
      <xdr:nvSpPr>
        <xdr:cNvPr id="681" name="n_3mainValue【児童館】&#10;有形固定資産減価償却率"/>
        <xdr:cNvSpPr txBox="1"/>
      </xdr:nvSpPr>
      <xdr:spPr>
        <a:xfrm>
          <a:off x="11900544" y="141585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88191</xdr:rowOff>
    </xdr:from>
    <xdr:ext cx="405111" cy="259045"/>
    <xdr:sp macro="" textlink="">
      <xdr:nvSpPr>
        <xdr:cNvPr id="682" name="n_4mainValue【児童館】&#10;有形固定資産減価償却率"/>
        <xdr:cNvSpPr txBox="1"/>
      </xdr:nvSpPr>
      <xdr:spPr>
        <a:xfrm>
          <a:off x="11102984" y="140023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3" name="正方形/長方形 682"/>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4" name="正方形/長方形 683"/>
        <xdr:cNvSpPr/>
      </xdr:nvSpPr>
      <xdr:spPr>
        <a:xfrm>
          <a:off x="16220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5" name="正方形/長方形 684"/>
        <xdr:cNvSpPr/>
      </xdr:nvSpPr>
      <xdr:spPr>
        <a:xfrm>
          <a:off x="16220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6" name="正方形/長方形 685"/>
        <xdr:cNvSpPr/>
      </xdr:nvSpPr>
      <xdr:spPr>
        <a:xfrm>
          <a:off x="17099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7" name="正方形/長方形 686"/>
        <xdr:cNvSpPr/>
      </xdr:nvSpPr>
      <xdr:spPr>
        <a:xfrm>
          <a:off x="17099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8" name="正方形/長方形 687"/>
        <xdr:cNvSpPr/>
      </xdr:nvSpPr>
      <xdr:spPr>
        <a:xfrm>
          <a:off x="1810512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9" name="正方形/長方形 688"/>
        <xdr:cNvSpPr/>
      </xdr:nvSpPr>
      <xdr:spPr>
        <a:xfrm>
          <a:off x="1810512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0" name="正方形/長方形 689"/>
        <xdr:cNvSpPr/>
      </xdr:nvSpPr>
      <xdr:spPr>
        <a:xfrm>
          <a:off x="1609344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1" name="テキスト ボックス 690"/>
        <xdr:cNvSpPr txBox="1"/>
      </xdr:nvSpPr>
      <xdr:spPr>
        <a:xfrm>
          <a:off x="1607820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2" name="直線コネクタ 691"/>
        <xdr:cNvCxnSpPr/>
      </xdr:nvCxnSpPr>
      <xdr:spPr>
        <a:xfrm>
          <a:off x="1609344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3" name="直線コネクタ 692"/>
        <xdr:cNvCxnSpPr/>
      </xdr:nvCxnSpPr>
      <xdr:spPr>
        <a:xfrm>
          <a:off x="1609344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4" name="テキスト ボックス 693"/>
        <xdr:cNvSpPr txBox="1"/>
      </xdr:nvSpPr>
      <xdr:spPr>
        <a:xfrm>
          <a:off x="15694841" y="143929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5" name="直線コネクタ 694"/>
        <xdr:cNvCxnSpPr/>
      </xdr:nvCxnSpPr>
      <xdr:spPr>
        <a:xfrm>
          <a:off x="1609344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6" name="テキスト ボックス 695"/>
        <xdr:cNvSpPr txBox="1"/>
      </xdr:nvSpPr>
      <xdr:spPr>
        <a:xfrm>
          <a:off x="15694841" y="140195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7" name="直線コネクタ 696"/>
        <xdr:cNvCxnSpPr/>
      </xdr:nvCxnSpPr>
      <xdr:spPr>
        <a:xfrm>
          <a:off x="1609344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8" name="テキスト ボックス 697"/>
        <xdr:cNvSpPr txBox="1"/>
      </xdr:nvSpPr>
      <xdr:spPr>
        <a:xfrm>
          <a:off x="15694841" y="136461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9" name="直線コネクタ 698"/>
        <xdr:cNvCxnSpPr/>
      </xdr:nvCxnSpPr>
      <xdr:spPr>
        <a:xfrm>
          <a:off x="1609344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0" name="テキスト ボックス 699"/>
        <xdr:cNvSpPr txBox="1"/>
      </xdr:nvSpPr>
      <xdr:spPr>
        <a:xfrm>
          <a:off x="15694841" y="132727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1" name="直線コネクタ 700"/>
        <xdr:cNvCxnSpPr/>
      </xdr:nvCxnSpPr>
      <xdr:spPr>
        <a:xfrm>
          <a:off x="1609344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2" name="テキスト ボックス 701"/>
        <xdr:cNvSpPr txBox="1"/>
      </xdr:nvSpPr>
      <xdr:spPr>
        <a:xfrm>
          <a:off x="15694841" y="129032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3" name="直線コネクタ 702"/>
        <xdr:cNvCxnSpPr/>
      </xdr:nvCxnSpPr>
      <xdr:spPr>
        <a:xfrm>
          <a:off x="1609344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4" name="テキスト ボックス 703"/>
        <xdr:cNvSpPr txBox="1"/>
      </xdr:nvSpPr>
      <xdr:spPr>
        <a:xfrm>
          <a:off x="1569484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5" name="【児童館】&#10;一人当たり面積グラフ枠"/>
        <xdr:cNvSpPr/>
      </xdr:nvSpPr>
      <xdr:spPr>
        <a:xfrm>
          <a:off x="1609344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57150</xdr:rowOff>
    </xdr:from>
    <xdr:to>
      <xdr:col>116</xdr:col>
      <xdr:colOff>62864</xdr:colOff>
      <xdr:row>86</xdr:row>
      <xdr:rowOff>38100</xdr:rowOff>
    </xdr:to>
    <xdr:cxnSp macro="">
      <xdr:nvCxnSpPr>
        <xdr:cNvPr id="706" name="直線コネクタ 705"/>
        <xdr:cNvCxnSpPr/>
      </xdr:nvCxnSpPr>
      <xdr:spPr>
        <a:xfrm flipV="1">
          <a:off x="19509104" y="12965430"/>
          <a:ext cx="0" cy="14897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41927</xdr:rowOff>
    </xdr:from>
    <xdr:ext cx="469744" cy="259045"/>
    <xdr:sp macro="" textlink="">
      <xdr:nvSpPr>
        <xdr:cNvPr id="707" name="【児童館】&#10;一人当たり面積最小値テキスト"/>
        <xdr:cNvSpPr txBox="1"/>
      </xdr:nvSpPr>
      <xdr:spPr>
        <a:xfrm>
          <a:off x="19547840" y="14458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38100</xdr:rowOff>
    </xdr:from>
    <xdr:to>
      <xdr:col>116</xdr:col>
      <xdr:colOff>152400</xdr:colOff>
      <xdr:row>86</xdr:row>
      <xdr:rowOff>38100</xdr:rowOff>
    </xdr:to>
    <xdr:cxnSp macro="">
      <xdr:nvCxnSpPr>
        <xdr:cNvPr id="708" name="直線コネクタ 707"/>
        <xdr:cNvCxnSpPr/>
      </xdr:nvCxnSpPr>
      <xdr:spPr>
        <a:xfrm>
          <a:off x="19443700" y="144551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827</xdr:rowOff>
    </xdr:from>
    <xdr:ext cx="469744" cy="259045"/>
    <xdr:sp macro="" textlink="">
      <xdr:nvSpPr>
        <xdr:cNvPr id="709" name="【児童館】&#10;一人当たり面積最大値テキスト"/>
        <xdr:cNvSpPr txBox="1"/>
      </xdr:nvSpPr>
      <xdr:spPr>
        <a:xfrm>
          <a:off x="19547840" y="12744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57150</xdr:rowOff>
    </xdr:from>
    <xdr:to>
      <xdr:col>116</xdr:col>
      <xdr:colOff>152400</xdr:colOff>
      <xdr:row>77</xdr:row>
      <xdr:rowOff>57150</xdr:rowOff>
    </xdr:to>
    <xdr:cxnSp macro="">
      <xdr:nvCxnSpPr>
        <xdr:cNvPr id="710" name="直線コネクタ 709"/>
        <xdr:cNvCxnSpPr/>
      </xdr:nvCxnSpPr>
      <xdr:spPr>
        <a:xfrm>
          <a:off x="19443700" y="129654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29227</xdr:rowOff>
    </xdr:from>
    <xdr:ext cx="469744" cy="259045"/>
    <xdr:sp macro="" textlink="">
      <xdr:nvSpPr>
        <xdr:cNvPr id="711" name="【児童館】&#10;一人当たり面積平均値テキスト"/>
        <xdr:cNvSpPr txBox="1"/>
      </xdr:nvSpPr>
      <xdr:spPr>
        <a:xfrm>
          <a:off x="19547840" y="137757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6350</xdr:rowOff>
    </xdr:from>
    <xdr:to>
      <xdr:col>116</xdr:col>
      <xdr:colOff>114300</xdr:colOff>
      <xdr:row>83</xdr:row>
      <xdr:rowOff>107950</xdr:rowOff>
    </xdr:to>
    <xdr:sp macro="" textlink="">
      <xdr:nvSpPr>
        <xdr:cNvPr id="712" name="フローチャート: 判断 711"/>
        <xdr:cNvSpPr/>
      </xdr:nvSpPr>
      <xdr:spPr>
        <a:xfrm>
          <a:off x="19458940" y="13920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44450</xdr:rowOff>
    </xdr:from>
    <xdr:to>
      <xdr:col>112</xdr:col>
      <xdr:colOff>38100</xdr:colOff>
      <xdr:row>83</xdr:row>
      <xdr:rowOff>146050</xdr:rowOff>
    </xdr:to>
    <xdr:sp macro="" textlink="">
      <xdr:nvSpPr>
        <xdr:cNvPr id="713" name="フローチャート: 判断 712"/>
        <xdr:cNvSpPr/>
      </xdr:nvSpPr>
      <xdr:spPr>
        <a:xfrm>
          <a:off x="18735040" y="139585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25400</xdr:rowOff>
    </xdr:from>
    <xdr:to>
      <xdr:col>107</xdr:col>
      <xdr:colOff>101600</xdr:colOff>
      <xdr:row>83</xdr:row>
      <xdr:rowOff>127000</xdr:rowOff>
    </xdr:to>
    <xdr:sp macro="" textlink="">
      <xdr:nvSpPr>
        <xdr:cNvPr id="714" name="フローチャート: 判断 713"/>
        <xdr:cNvSpPr/>
      </xdr:nvSpPr>
      <xdr:spPr>
        <a:xfrm>
          <a:off x="1793748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25400</xdr:rowOff>
    </xdr:from>
    <xdr:to>
      <xdr:col>102</xdr:col>
      <xdr:colOff>165100</xdr:colOff>
      <xdr:row>83</xdr:row>
      <xdr:rowOff>127000</xdr:rowOff>
    </xdr:to>
    <xdr:sp macro="" textlink="">
      <xdr:nvSpPr>
        <xdr:cNvPr id="715" name="フローチャート: 判断 714"/>
        <xdr:cNvSpPr/>
      </xdr:nvSpPr>
      <xdr:spPr>
        <a:xfrm>
          <a:off x="1716278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63500</xdr:rowOff>
    </xdr:from>
    <xdr:to>
      <xdr:col>98</xdr:col>
      <xdr:colOff>38100</xdr:colOff>
      <xdr:row>83</xdr:row>
      <xdr:rowOff>165100</xdr:rowOff>
    </xdr:to>
    <xdr:sp macro="" textlink="">
      <xdr:nvSpPr>
        <xdr:cNvPr id="716" name="フローチャート: 判断 715"/>
        <xdr:cNvSpPr/>
      </xdr:nvSpPr>
      <xdr:spPr>
        <a:xfrm>
          <a:off x="16388080" y="139776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7" name="テキスト ボックス 716"/>
        <xdr:cNvSpPr txBox="1"/>
      </xdr:nvSpPr>
      <xdr:spPr>
        <a:xfrm>
          <a:off x="193421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8" name="テキスト ボックス 717"/>
        <xdr:cNvSpPr txBox="1"/>
      </xdr:nvSpPr>
      <xdr:spPr>
        <a:xfrm>
          <a:off x="1861058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9" name="テキスト ボックス 718"/>
        <xdr:cNvSpPr txBox="1"/>
      </xdr:nvSpPr>
      <xdr:spPr>
        <a:xfrm>
          <a:off x="178206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0" name="テキスト ボックス 719"/>
        <xdr:cNvSpPr txBox="1"/>
      </xdr:nvSpPr>
      <xdr:spPr>
        <a:xfrm>
          <a:off x="170459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1" name="テキスト ボックス 720"/>
        <xdr:cNvSpPr txBox="1"/>
      </xdr:nvSpPr>
      <xdr:spPr>
        <a:xfrm>
          <a:off x="162636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6350</xdr:rowOff>
    </xdr:from>
    <xdr:to>
      <xdr:col>116</xdr:col>
      <xdr:colOff>114300</xdr:colOff>
      <xdr:row>84</xdr:row>
      <xdr:rowOff>107950</xdr:rowOff>
    </xdr:to>
    <xdr:sp macro="" textlink="">
      <xdr:nvSpPr>
        <xdr:cNvPr id="722" name="楕円 721"/>
        <xdr:cNvSpPr/>
      </xdr:nvSpPr>
      <xdr:spPr>
        <a:xfrm>
          <a:off x="19458940" y="14088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3</xdr:row>
      <xdr:rowOff>156227</xdr:rowOff>
    </xdr:from>
    <xdr:ext cx="469744" cy="259045"/>
    <xdr:sp macro="" textlink="">
      <xdr:nvSpPr>
        <xdr:cNvPr id="723" name="【児童館】&#10;一人当たり面積該当値テキスト"/>
        <xdr:cNvSpPr txBox="1"/>
      </xdr:nvSpPr>
      <xdr:spPr>
        <a:xfrm>
          <a:off x="19547840" y="14070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4</xdr:row>
      <xdr:rowOff>6350</xdr:rowOff>
    </xdr:from>
    <xdr:to>
      <xdr:col>112</xdr:col>
      <xdr:colOff>38100</xdr:colOff>
      <xdr:row>84</xdr:row>
      <xdr:rowOff>107950</xdr:rowOff>
    </xdr:to>
    <xdr:sp macro="" textlink="">
      <xdr:nvSpPr>
        <xdr:cNvPr id="724" name="楕円 723"/>
        <xdr:cNvSpPr/>
      </xdr:nvSpPr>
      <xdr:spPr>
        <a:xfrm>
          <a:off x="18735040" y="1408811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4</xdr:row>
      <xdr:rowOff>57150</xdr:rowOff>
    </xdr:from>
    <xdr:to>
      <xdr:col>116</xdr:col>
      <xdr:colOff>63500</xdr:colOff>
      <xdr:row>84</xdr:row>
      <xdr:rowOff>57150</xdr:rowOff>
    </xdr:to>
    <xdr:cxnSp macro="">
      <xdr:nvCxnSpPr>
        <xdr:cNvPr id="725" name="直線コネクタ 724"/>
        <xdr:cNvCxnSpPr/>
      </xdr:nvCxnSpPr>
      <xdr:spPr>
        <a:xfrm>
          <a:off x="18778220" y="1413891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3</xdr:row>
      <xdr:rowOff>158750</xdr:rowOff>
    </xdr:from>
    <xdr:to>
      <xdr:col>107</xdr:col>
      <xdr:colOff>101600</xdr:colOff>
      <xdr:row>84</xdr:row>
      <xdr:rowOff>88900</xdr:rowOff>
    </xdr:to>
    <xdr:sp macro="" textlink="">
      <xdr:nvSpPr>
        <xdr:cNvPr id="726" name="楕円 725"/>
        <xdr:cNvSpPr/>
      </xdr:nvSpPr>
      <xdr:spPr>
        <a:xfrm>
          <a:off x="17937480" y="140728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4</xdr:row>
      <xdr:rowOff>38100</xdr:rowOff>
    </xdr:from>
    <xdr:to>
      <xdr:col>111</xdr:col>
      <xdr:colOff>177800</xdr:colOff>
      <xdr:row>84</xdr:row>
      <xdr:rowOff>57150</xdr:rowOff>
    </xdr:to>
    <xdr:cxnSp macro="">
      <xdr:nvCxnSpPr>
        <xdr:cNvPr id="727" name="直線コネクタ 726"/>
        <xdr:cNvCxnSpPr/>
      </xdr:nvCxnSpPr>
      <xdr:spPr>
        <a:xfrm>
          <a:off x="17988280" y="14119860"/>
          <a:ext cx="78994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3</xdr:row>
      <xdr:rowOff>158750</xdr:rowOff>
    </xdr:from>
    <xdr:to>
      <xdr:col>102</xdr:col>
      <xdr:colOff>165100</xdr:colOff>
      <xdr:row>84</xdr:row>
      <xdr:rowOff>88900</xdr:rowOff>
    </xdr:to>
    <xdr:sp macro="" textlink="">
      <xdr:nvSpPr>
        <xdr:cNvPr id="728" name="楕円 727"/>
        <xdr:cNvSpPr/>
      </xdr:nvSpPr>
      <xdr:spPr>
        <a:xfrm>
          <a:off x="17162780" y="140728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4</xdr:row>
      <xdr:rowOff>38100</xdr:rowOff>
    </xdr:from>
    <xdr:to>
      <xdr:col>107</xdr:col>
      <xdr:colOff>50800</xdr:colOff>
      <xdr:row>84</xdr:row>
      <xdr:rowOff>38100</xdr:rowOff>
    </xdr:to>
    <xdr:cxnSp macro="">
      <xdr:nvCxnSpPr>
        <xdr:cNvPr id="729" name="直線コネクタ 728"/>
        <xdr:cNvCxnSpPr/>
      </xdr:nvCxnSpPr>
      <xdr:spPr>
        <a:xfrm>
          <a:off x="17213580" y="14119860"/>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3</xdr:row>
      <xdr:rowOff>158750</xdr:rowOff>
    </xdr:from>
    <xdr:to>
      <xdr:col>98</xdr:col>
      <xdr:colOff>38100</xdr:colOff>
      <xdr:row>84</xdr:row>
      <xdr:rowOff>88900</xdr:rowOff>
    </xdr:to>
    <xdr:sp macro="" textlink="">
      <xdr:nvSpPr>
        <xdr:cNvPr id="730" name="楕円 729"/>
        <xdr:cNvSpPr/>
      </xdr:nvSpPr>
      <xdr:spPr>
        <a:xfrm>
          <a:off x="16388080" y="1407287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4</xdr:row>
      <xdr:rowOff>38100</xdr:rowOff>
    </xdr:from>
    <xdr:to>
      <xdr:col>102</xdr:col>
      <xdr:colOff>114300</xdr:colOff>
      <xdr:row>84</xdr:row>
      <xdr:rowOff>38100</xdr:rowOff>
    </xdr:to>
    <xdr:cxnSp macro="">
      <xdr:nvCxnSpPr>
        <xdr:cNvPr id="731" name="直線コネクタ 730"/>
        <xdr:cNvCxnSpPr/>
      </xdr:nvCxnSpPr>
      <xdr:spPr>
        <a:xfrm>
          <a:off x="16431260" y="1411986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1</xdr:row>
      <xdr:rowOff>162577</xdr:rowOff>
    </xdr:from>
    <xdr:ext cx="469744" cy="259045"/>
    <xdr:sp macro="" textlink="">
      <xdr:nvSpPr>
        <xdr:cNvPr id="732" name="n_1aveValue【児童館】&#10;一人当たり面積"/>
        <xdr:cNvSpPr txBox="1"/>
      </xdr:nvSpPr>
      <xdr:spPr>
        <a:xfrm>
          <a:off x="18561127" y="13741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143527</xdr:rowOff>
    </xdr:from>
    <xdr:ext cx="469744" cy="259045"/>
    <xdr:sp macro="" textlink="">
      <xdr:nvSpPr>
        <xdr:cNvPr id="733" name="n_2aveValue【児童館】&#10;一人当たり面積"/>
        <xdr:cNvSpPr txBox="1"/>
      </xdr:nvSpPr>
      <xdr:spPr>
        <a:xfrm>
          <a:off x="17776267" y="13722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143527</xdr:rowOff>
    </xdr:from>
    <xdr:ext cx="469744" cy="259045"/>
    <xdr:sp macro="" textlink="">
      <xdr:nvSpPr>
        <xdr:cNvPr id="734" name="n_3aveValue【児童館】&#10;一人当たり面積"/>
        <xdr:cNvSpPr txBox="1"/>
      </xdr:nvSpPr>
      <xdr:spPr>
        <a:xfrm>
          <a:off x="17001567" y="13722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0177</xdr:rowOff>
    </xdr:from>
    <xdr:ext cx="469744" cy="259045"/>
    <xdr:sp macro="" textlink="">
      <xdr:nvSpPr>
        <xdr:cNvPr id="735" name="n_4aveValue【児童館】&#10;一人当たり面積"/>
        <xdr:cNvSpPr txBox="1"/>
      </xdr:nvSpPr>
      <xdr:spPr>
        <a:xfrm>
          <a:off x="16226867" y="137566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4</xdr:row>
      <xdr:rowOff>99077</xdr:rowOff>
    </xdr:from>
    <xdr:ext cx="469744" cy="259045"/>
    <xdr:sp macro="" textlink="">
      <xdr:nvSpPr>
        <xdr:cNvPr id="736" name="n_1mainValue【児童館】&#10;一人当たり面積"/>
        <xdr:cNvSpPr txBox="1"/>
      </xdr:nvSpPr>
      <xdr:spPr>
        <a:xfrm>
          <a:off x="18561127" y="14180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80027</xdr:rowOff>
    </xdr:from>
    <xdr:ext cx="469744" cy="259045"/>
    <xdr:sp macro="" textlink="">
      <xdr:nvSpPr>
        <xdr:cNvPr id="737" name="n_2mainValue【児童館】&#10;一人当たり面積"/>
        <xdr:cNvSpPr txBox="1"/>
      </xdr:nvSpPr>
      <xdr:spPr>
        <a:xfrm>
          <a:off x="17776267" y="1416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80027</xdr:rowOff>
    </xdr:from>
    <xdr:ext cx="469744" cy="259045"/>
    <xdr:sp macro="" textlink="">
      <xdr:nvSpPr>
        <xdr:cNvPr id="738" name="n_3mainValue【児童館】&#10;一人当たり面積"/>
        <xdr:cNvSpPr txBox="1"/>
      </xdr:nvSpPr>
      <xdr:spPr>
        <a:xfrm>
          <a:off x="17001567" y="1416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80027</xdr:rowOff>
    </xdr:from>
    <xdr:ext cx="469744" cy="259045"/>
    <xdr:sp macro="" textlink="">
      <xdr:nvSpPr>
        <xdr:cNvPr id="739" name="n_4mainValue【児童館】&#10;一人当たり面積"/>
        <xdr:cNvSpPr txBox="1"/>
      </xdr:nvSpPr>
      <xdr:spPr>
        <a:xfrm>
          <a:off x="16226867" y="14161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0" name="正方形/長方形 739"/>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741" name="正方形/長方形 740"/>
        <xdr:cNvSpPr/>
      </xdr:nvSpPr>
      <xdr:spPr>
        <a:xfrm>
          <a:off x="109601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742" name="正方形/長方形 741"/>
        <xdr:cNvSpPr/>
      </xdr:nvSpPr>
      <xdr:spPr>
        <a:xfrm>
          <a:off x="109601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743" name="正方形/長方形 742"/>
        <xdr:cNvSpPr/>
      </xdr:nvSpPr>
      <xdr:spPr>
        <a:xfrm>
          <a:off x="120700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744" name="正方形/長方形 743"/>
        <xdr:cNvSpPr/>
      </xdr:nvSpPr>
      <xdr:spPr>
        <a:xfrm>
          <a:off x="120700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5" name="正方形/長方形 744"/>
        <xdr:cNvSpPr/>
      </xdr:nvSpPr>
      <xdr:spPr>
        <a:xfrm>
          <a:off x="10960100" y="16394430"/>
          <a:ext cx="415290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46" name="正方形/長方形 745"/>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747" name="正方形/長方形 746"/>
        <xdr:cNvSpPr/>
      </xdr:nvSpPr>
      <xdr:spPr>
        <a:xfrm>
          <a:off x="16093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748" name="正方形/長方形 747"/>
        <xdr:cNvSpPr/>
      </xdr:nvSpPr>
      <xdr:spPr>
        <a:xfrm>
          <a:off x="16093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749" name="正方形/長方形 748"/>
        <xdr:cNvSpPr/>
      </xdr:nvSpPr>
      <xdr:spPr>
        <a:xfrm>
          <a:off x="17226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750" name="正方形/長方形 749"/>
        <xdr:cNvSpPr/>
      </xdr:nvSpPr>
      <xdr:spPr>
        <a:xfrm>
          <a:off x="17226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1" name="正方形/長方形 750"/>
        <xdr:cNvSpPr/>
      </xdr:nvSpPr>
      <xdr:spPr>
        <a:xfrm>
          <a:off x="16093440" y="16394430"/>
          <a:ext cx="4175760" cy="2232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52" name="正方形/長方形 751"/>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53" name="正方形/長方形 752"/>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54" name="テキスト ボックス 753"/>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有形固定資産減価償却率が上昇し</a:t>
          </a:r>
          <a:r>
            <a:rPr kumimoji="1" lang="ja-JP" altLang="en-US" sz="1100">
              <a:solidFill>
                <a:schemeClr val="dk1"/>
              </a:solidFill>
              <a:effectLst/>
              <a:latin typeface="ＭＳ ゴシック" panose="020B0609070205080204" pitchFamily="49" charset="-128"/>
              <a:ea typeface="ＭＳ ゴシック" panose="020B0609070205080204" pitchFamily="49" charset="-128"/>
              <a:cs typeface="+mn-cs"/>
            </a:rPr>
            <a:t>ている施設が多く</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老朽化が進んでいる。区有施設の整備につい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策定した公共施設等総合管理計画を踏まえ、必要性・緊急性・優先度・経済性などの観点から検討し、引き続き、中長期的な視点で計画的に実施す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6420" y="127000"/>
          <a:ext cx="1116838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6764000" y="186690"/>
          <a:ext cx="35052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6783050" y="212090"/>
          <a:ext cx="34607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6808450" y="237490"/>
          <a:ext cx="3403600" cy="4330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312900" y="186690"/>
          <a:ext cx="234061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338300" y="212090"/>
          <a:ext cx="229616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363700" y="237490"/>
          <a:ext cx="223901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70560" y="869950"/>
          <a:ext cx="8884920" cy="17399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7560" y="901700"/>
          <a:ext cx="1214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1971040" y="901700"/>
          <a:ext cx="117348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44520" y="901700"/>
          <a:ext cx="134112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85640" y="920750"/>
          <a:ext cx="178054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66180" y="920750"/>
          <a:ext cx="1109980" cy="9207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439660" y="933450"/>
          <a:ext cx="566420" cy="9169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85640" y="1676400"/>
          <a:ext cx="178054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6329680" y="1676400"/>
          <a:ext cx="30175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9748520" y="869950"/>
          <a:ext cx="1341120" cy="124333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9986010" y="933450"/>
          <a:ext cx="117348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9986010" y="1192530"/>
          <a:ext cx="117348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86010" y="1515110"/>
          <a:ext cx="127762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9831070" y="1018540"/>
          <a:ext cx="1866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9885045" y="9715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9885045" y="12306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9906635" y="149352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850120" y="149352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9906635" y="1724025"/>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850120" y="1863090"/>
          <a:ext cx="14859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29920" y="273304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29920" y="304292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29920" y="33528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29920" y="366649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67056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79756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79756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6764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6764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2682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2682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67056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65532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67056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71961" y="73139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670560" y="70065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3608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670560" y="655701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3608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670560" y="61112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3608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670560" y="5665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3608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67056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377341" y="50774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67056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9050</xdr:rowOff>
    </xdr:from>
    <xdr:to>
      <xdr:col>24</xdr:col>
      <xdr:colOff>62865</xdr:colOff>
      <xdr:row>40</xdr:row>
      <xdr:rowOff>149352</xdr:rowOff>
    </xdr:to>
    <xdr:cxnSp macro="">
      <xdr:nvCxnSpPr>
        <xdr:cNvPr id="55" name="直線コネクタ 54"/>
        <xdr:cNvCxnSpPr/>
      </xdr:nvCxnSpPr>
      <xdr:spPr>
        <a:xfrm flipV="1">
          <a:off x="4086225" y="5718810"/>
          <a:ext cx="0" cy="11361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0</xdr:row>
      <xdr:rowOff>153179</xdr:rowOff>
    </xdr:from>
    <xdr:ext cx="405111" cy="259045"/>
    <xdr:sp macro="" textlink="">
      <xdr:nvSpPr>
        <xdr:cNvPr id="56" name="【図書館】&#10;有形固定資産減価償却率最小値テキスト"/>
        <xdr:cNvSpPr txBox="1"/>
      </xdr:nvSpPr>
      <xdr:spPr>
        <a:xfrm>
          <a:off x="4124960" y="685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0</xdr:row>
      <xdr:rowOff>149352</xdr:rowOff>
    </xdr:from>
    <xdr:to>
      <xdr:col>24</xdr:col>
      <xdr:colOff>152400</xdr:colOff>
      <xdr:row>40</xdr:row>
      <xdr:rowOff>149352</xdr:rowOff>
    </xdr:to>
    <xdr:cxnSp macro="">
      <xdr:nvCxnSpPr>
        <xdr:cNvPr id="57" name="直線コネクタ 56"/>
        <xdr:cNvCxnSpPr/>
      </xdr:nvCxnSpPr>
      <xdr:spPr>
        <a:xfrm>
          <a:off x="4020820" y="685495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37177</xdr:rowOff>
    </xdr:from>
    <xdr:ext cx="405111" cy="259045"/>
    <xdr:sp macro="" textlink="">
      <xdr:nvSpPr>
        <xdr:cNvPr id="58" name="【図書館】&#10;有形固定資産減価償却率最大値テキスト"/>
        <xdr:cNvSpPr txBox="1"/>
      </xdr:nvSpPr>
      <xdr:spPr>
        <a:xfrm>
          <a:off x="4124960" y="5501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9050</xdr:rowOff>
    </xdr:from>
    <xdr:to>
      <xdr:col>24</xdr:col>
      <xdr:colOff>152400</xdr:colOff>
      <xdr:row>34</xdr:row>
      <xdr:rowOff>19050</xdr:rowOff>
    </xdr:to>
    <xdr:cxnSp macro="">
      <xdr:nvCxnSpPr>
        <xdr:cNvPr id="59" name="直線コネクタ 58"/>
        <xdr:cNvCxnSpPr/>
      </xdr:nvCxnSpPr>
      <xdr:spPr>
        <a:xfrm>
          <a:off x="4020820" y="57188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55135</xdr:rowOff>
    </xdr:from>
    <xdr:ext cx="405111" cy="259045"/>
    <xdr:sp macro="" textlink="">
      <xdr:nvSpPr>
        <xdr:cNvPr id="60" name="【図書館】&#10;有形固定資産減価償却率平均値テキスト"/>
        <xdr:cNvSpPr txBox="1"/>
      </xdr:nvSpPr>
      <xdr:spPr>
        <a:xfrm>
          <a:off x="4124960" y="609017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2258</xdr:rowOff>
    </xdr:from>
    <xdr:to>
      <xdr:col>24</xdr:col>
      <xdr:colOff>114300</xdr:colOff>
      <xdr:row>37</xdr:row>
      <xdr:rowOff>133858</xdr:rowOff>
    </xdr:to>
    <xdr:sp macro="" textlink="">
      <xdr:nvSpPr>
        <xdr:cNvPr id="61" name="フローチャート: 判断 60"/>
        <xdr:cNvSpPr/>
      </xdr:nvSpPr>
      <xdr:spPr>
        <a:xfrm>
          <a:off x="4036060" y="6234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60274</xdr:rowOff>
    </xdr:from>
    <xdr:to>
      <xdr:col>20</xdr:col>
      <xdr:colOff>38100</xdr:colOff>
      <xdr:row>37</xdr:row>
      <xdr:rowOff>90424</xdr:rowOff>
    </xdr:to>
    <xdr:sp macro="" textlink="">
      <xdr:nvSpPr>
        <xdr:cNvPr id="62" name="フローチャート: 判断 61"/>
        <xdr:cNvSpPr/>
      </xdr:nvSpPr>
      <xdr:spPr>
        <a:xfrm>
          <a:off x="3312160" y="6195314"/>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07696</xdr:rowOff>
    </xdr:from>
    <xdr:to>
      <xdr:col>15</xdr:col>
      <xdr:colOff>101600</xdr:colOff>
      <xdr:row>37</xdr:row>
      <xdr:rowOff>37846</xdr:rowOff>
    </xdr:to>
    <xdr:sp macro="" textlink="">
      <xdr:nvSpPr>
        <xdr:cNvPr id="63" name="フローチャート: 判断 62"/>
        <xdr:cNvSpPr/>
      </xdr:nvSpPr>
      <xdr:spPr>
        <a:xfrm>
          <a:off x="2514600" y="61427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30556</xdr:rowOff>
    </xdr:from>
    <xdr:to>
      <xdr:col>10</xdr:col>
      <xdr:colOff>165100</xdr:colOff>
      <xdr:row>37</xdr:row>
      <xdr:rowOff>60706</xdr:rowOff>
    </xdr:to>
    <xdr:sp macro="" textlink="">
      <xdr:nvSpPr>
        <xdr:cNvPr id="64" name="フローチャート: 判断 63"/>
        <xdr:cNvSpPr/>
      </xdr:nvSpPr>
      <xdr:spPr>
        <a:xfrm>
          <a:off x="1739900" y="616559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8542</xdr:rowOff>
    </xdr:from>
    <xdr:to>
      <xdr:col>6</xdr:col>
      <xdr:colOff>38100</xdr:colOff>
      <xdr:row>37</xdr:row>
      <xdr:rowOff>120142</xdr:rowOff>
    </xdr:to>
    <xdr:sp macro="" textlink="">
      <xdr:nvSpPr>
        <xdr:cNvPr id="65" name="フローチャート: 判断 64"/>
        <xdr:cNvSpPr/>
      </xdr:nvSpPr>
      <xdr:spPr>
        <a:xfrm>
          <a:off x="965200" y="6221222"/>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39192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187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397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6230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8407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3124</xdr:rowOff>
    </xdr:from>
    <xdr:to>
      <xdr:col>24</xdr:col>
      <xdr:colOff>114300</xdr:colOff>
      <xdr:row>39</xdr:row>
      <xdr:rowOff>33274</xdr:rowOff>
    </xdr:to>
    <xdr:sp macro="" textlink="">
      <xdr:nvSpPr>
        <xdr:cNvPr id="71" name="楕円 70"/>
        <xdr:cNvSpPr/>
      </xdr:nvSpPr>
      <xdr:spPr>
        <a:xfrm>
          <a:off x="4036060" y="647344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81551</xdr:rowOff>
    </xdr:from>
    <xdr:ext cx="405111" cy="259045"/>
    <xdr:sp macro="" textlink="">
      <xdr:nvSpPr>
        <xdr:cNvPr id="72" name="【図書館】&#10;有形固定資産減価償却率該当値テキスト"/>
        <xdr:cNvSpPr txBox="1"/>
      </xdr:nvSpPr>
      <xdr:spPr>
        <a:xfrm>
          <a:off x="4124960" y="6451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73406</xdr:rowOff>
    </xdr:from>
    <xdr:to>
      <xdr:col>20</xdr:col>
      <xdr:colOff>38100</xdr:colOff>
      <xdr:row>39</xdr:row>
      <xdr:rowOff>3556</xdr:rowOff>
    </xdr:to>
    <xdr:sp macro="" textlink="">
      <xdr:nvSpPr>
        <xdr:cNvPr id="73" name="楕円 72"/>
        <xdr:cNvSpPr/>
      </xdr:nvSpPr>
      <xdr:spPr>
        <a:xfrm>
          <a:off x="3312160" y="6443726"/>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24206</xdr:rowOff>
    </xdr:from>
    <xdr:to>
      <xdr:col>24</xdr:col>
      <xdr:colOff>63500</xdr:colOff>
      <xdr:row>38</xdr:row>
      <xdr:rowOff>153924</xdr:rowOff>
    </xdr:to>
    <xdr:cxnSp macro="">
      <xdr:nvCxnSpPr>
        <xdr:cNvPr id="74" name="直線コネクタ 73"/>
        <xdr:cNvCxnSpPr/>
      </xdr:nvCxnSpPr>
      <xdr:spPr>
        <a:xfrm>
          <a:off x="3355340" y="6494526"/>
          <a:ext cx="731520" cy="297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32258</xdr:rowOff>
    </xdr:from>
    <xdr:to>
      <xdr:col>15</xdr:col>
      <xdr:colOff>101600</xdr:colOff>
      <xdr:row>38</xdr:row>
      <xdr:rowOff>133858</xdr:rowOff>
    </xdr:to>
    <xdr:sp macro="" textlink="">
      <xdr:nvSpPr>
        <xdr:cNvPr id="75" name="楕円 74"/>
        <xdr:cNvSpPr/>
      </xdr:nvSpPr>
      <xdr:spPr>
        <a:xfrm>
          <a:off x="2514600" y="64025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83058</xdr:rowOff>
    </xdr:from>
    <xdr:to>
      <xdr:col>19</xdr:col>
      <xdr:colOff>177800</xdr:colOff>
      <xdr:row>38</xdr:row>
      <xdr:rowOff>124206</xdr:rowOff>
    </xdr:to>
    <xdr:cxnSp macro="">
      <xdr:nvCxnSpPr>
        <xdr:cNvPr id="76" name="直線コネクタ 75"/>
        <xdr:cNvCxnSpPr/>
      </xdr:nvCxnSpPr>
      <xdr:spPr>
        <a:xfrm>
          <a:off x="2565400" y="6453378"/>
          <a:ext cx="78994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254</xdr:rowOff>
    </xdr:from>
    <xdr:to>
      <xdr:col>10</xdr:col>
      <xdr:colOff>165100</xdr:colOff>
      <xdr:row>38</xdr:row>
      <xdr:rowOff>101854</xdr:rowOff>
    </xdr:to>
    <xdr:sp macro="" textlink="">
      <xdr:nvSpPr>
        <xdr:cNvPr id="77" name="楕円 76"/>
        <xdr:cNvSpPr/>
      </xdr:nvSpPr>
      <xdr:spPr>
        <a:xfrm>
          <a:off x="1739900" y="6370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51054</xdr:rowOff>
    </xdr:from>
    <xdr:to>
      <xdr:col>15</xdr:col>
      <xdr:colOff>50800</xdr:colOff>
      <xdr:row>38</xdr:row>
      <xdr:rowOff>83058</xdr:rowOff>
    </xdr:to>
    <xdr:cxnSp macro="">
      <xdr:nvCxnSpPr>
        <xdr:cNvPr id="78" name="直線コネクタ 77"/>
        <xdr:cNvCxnSpPr/>
      </xdr:nvCxnSpPr>
      <xdr:spPr>
        <a:xfrm>
          <a:off x="1790700" y="6421374"/>
          <a:ext cx="7747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64262</xdr:rowOff>
    </xdr:from>
    <xdr:to>
      <xdr:col>6</xdr:col>
      <xdr:colOff>38100</xdr:colOff>
      <xdr:row>38</xdr:row>
      <xdr:rowOff>165862</xdr:rowOff>
    </xdr:to>
    <xdr:sp macro="" textlink="">
      <xdr:nvSpPr>
        <xdr:cNvPr id="79" name="楕円 78"/>
        <xdr:cNvSpPr/>
      </xdr:nvSpPr>
      <xdr:spPr>
        <a:xfrm>
          <a:off x="965200" y="643458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51054</xdr:rowOff>
    </xdr:from>
    <xdr:to>
      <xdr:col>10</xdr:col>
      <xdr:colOff>114300</xdr:colOff>
      <xdr:row>38</xdr:row>
      <xdr:rowOff>115062</xdr:rowOff>
    </xdr:to>
    <xdr:cxnSp macro="">
      <xdr:nvCxnSpPr>
        <xdr:cNvPr id="80" name="直線コネクタ 79"/>
        <xdr:cNvCxnSpPr/>
      </xdr:nvCxnSpPr>
      <xdr:spPr>
        <a:xfrm flipV="1">
          <a:off x="1008380" y="6421374"/>
          <a:ext cx="78232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06951</xdr:rowOff>
    </xdr:from>
    <xdr:ext cx="405111" cy="259045"/>
    <xdr:sp macro="" textlink="">
      <xdr:nvSpPr>
        <xdr:cNvPr id="81" name="n_1aveValue【図書館】&#10;有形固定資産減価償却率"/>
        <xdr:cNvSpPr txBox="1"/>
      </xdr:nvSpPr>
      <xdr:spPr>
        <a:xfrm>
          <a:off x="3170564" y="59743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54373</xdr:rowOff>
    </xdr:from>
    <xdr:ext cx="405111" cy="259045"/>
    <xdr:sp macro="" textlink="">
      <xdr:nvSpPr>
        <xdr:cNvPr id="82" name="n_2aveValue【図書館】&#10;有形固定資産減価償却率"/>
        <xdr:cNvSpPr txBox="1"/>
      </xdr:nvSpPr>
      <xdr:spPr>
        <a:xfrm>
          <a:off x="2385704" y="5921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77233</xdr:rowOff>
    </xdr:from>
    <xdr:ext cx="405111" cy="259045"/>
    <xdr:sp macro="" textlink="">
      <xdr:nvSpPr>
        <xdr:cNvPr id="83" name="n_3aveValue【図書館】&#10;有形固定資産減価償却率"/>
        <xdr:cNvSpPr txBox="1"/>
      </xdr:nvSpPr>
      <xdr:spPr>
        <a:xfrm>
          <a:off x="1611004" y="59446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36669</xdr:rowOff>
    </xdr:from>
    <xdr:ext cx="405111" cy="259045"/>
    <xdr:sp macro="" textlink="">
      <xdr:nvSpPr>
        <xdr:cNvPr id="84" name="n_4aveValue【図書館】&#10;有形固定資産減価償却率"/>
        <xdr:cNvSpPr txBox="1"/>
      </xdr:nvSpPr>
      <xdr:spPr>
        <a:xfrm>
          <a:off x="836304" y="60040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66133</xdr:rowOff>
    </xdr:from>
    <xdr:ext cx="405111" cy="259045"/>
    <xdr:sp macro="" textlink="">
      <xdr:nvSpPr>
        <xdr:cNvPr id="85" name="n_1mainValue【図書館】&#10;有形固定資産減価償却率"/>
        <xdr:cNvSpPr txBox="1"/>
      </xdr:nvSpPr>
      <xdr:spPr>
        <a:xfrm>
          <a:off x="3170564" y="65364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24985</xdr:rowOff>
    </xdr:from>
    <xdr:ext cx="405111" cy="259045"/>
    <xdr:sp macro="" textlink="">
      <xdr:nvSpPr>
        <xdr:cNvPr id="86" name="n_2mainValue【図書館】&#10;有形固定資産減価償却率"/>
        <xdr:cNvSpPr txBox="1"/>
      </xdr:nvSpPr>
      <xdr:spPr>
        <a:xfrm>
          <a:off x="2385704" y="64953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92981</xdr:rowOff>
    </xdr:from>
    <xdr:ext cx="405111" cy="259045"/>
    <xdr:sp macro="" textlink="">
      <xdr:nvSpPr>
        <xdr:cNvPr id="87" name="n_3mainValue【図書館】&#10;有形固定資産減価償却率"/>
        <xdr:cNvSpPr txBox="1"/>
      </xdr:nvSpPr>
      <xdr:spPr>
        <a:xfrm>
          <a:off x="1611004" y="64633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56989</xdr:rowOff>
    </xdr:from>
    <xdr:ext cx="405111" cy="259045"/>
    <xdr:sp macro="" textlink="">
      <xdr:nvSpPr>
        <xdr:cNvPr id="88" name="n_4mainValue【図書館】&#10;有形固定資産減価償却率"/>
        <xdr:cNvSpPr txBox="1"/>
      </xdr:nvSpPr>
      <xdr:spPr>
        <a:xfrm>
          <a:off x="836304" y="65273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582676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59309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59309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683260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683260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7838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7838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582676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xdr:cNvSpPr txBox="1"/>
      </xdr:nvSpPr>
      <xdr:spPr>
        <a:xfrm>
          <a:off x="578866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5826760" y="74523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9" name="直線コネクタ 98"/>
        <xdr:cNvCxnSpPr/>
      </xdr:nvCxnSpPr>
      <xdr:spPr>
        <a:xfrm>
          <a:off x="5826760" y="70065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0" name="テキスト ボックス 99"/>
        <xdr:cNvSpPr txBox="1"/>
      </xdr:nvSpPr>
      <xdr:spPr>
        <a:xfrm>
          <a:off x="5405301" y="686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1" name="直線コネクタ 100"/>
        <xdr:cNvCxnSpPr/>
      </xdr:nvCxnSpPr>
      <xdr:spPr>
        <a:xfrm>
          <a:off x="5826760" y="655701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102" name="テキスト ボックス 101"/>
        <xdr:cNvSpPr txBox="1"/>
      </xdr:nvSpPr>
      <xdr:spPr>
        <a:xfrm>
          <a:off x="5405301" y="64185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3" name="直線コネクタ 102"/>
        <xdr:cNvCxnSpPr/>
      </xdr:nvCxnSpPr>
      <xdr:spPr>
        <a:xfrm>
          <a:off x="5826760" y="61112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4" name="テキスト ボックス 103"/>
        <xdr:cNvSpPr txBox="1"/>
      </xdr:nvSpPr>
      <xdr:spPr>
        <a:xfrm>
          <a:off x="5405301" y="59728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5" name="直線コネクタ 104"/>
        <xdr:cNvCxnSpPr/>
      </xdr:nvCxnSpPr>
      <xdr:spPr>
        <a:xfrm>
          <a:off x="5826760" y="56654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6" name="テキスト ボックス 105"/>
        <xdr:cNvSpPr txBox="1"/>
      </xdr:nvSpPr>
      <xdr:spPr>
        <a:xfrm>
          <a:off x="5405301" y="55270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7" name="直線コネクタ 106"/>
        <xdr:cNvCxnSpPr/>
      </xdr:nvCxnSpPr>
      <xdr:spPr>
        <a:xfrm>
          <a:off x="5826760" y="52158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8" name="テキスト ボックス 107"/>
        <xdr:cNvSpPr txBox="1"/>
      </xdr:nvSpPr>
      <xdr:spPr>
        <a:xfrm>
          <a:off x="5405301" y="50774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9" name="【図書館】&#10;一人当たり面積グラフ枠"/>
        <xdr:cNvSpPr/>
      </xdr:nvSpPr>
      <xdr:spPr>
        <a:xfrm>
          <a:off x="582676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78486</xdr:rowOff>
    </xdr:from>
    <xdr:to>
      <xdr:col>54</xdr:col>
      <xdr:colOff>189865</xdr:colOff>
      <xdr:row>41</xdr:row>
      <xdr:rowOff>96774</xdr:rowOff>
    </xdr:to>
    <xdr:cxnSp macro="">
      <xdr:nvCxnSpPr>
        <xdr:cNvPr id="110" name="直線コネクタ 109"/>
        <xdr:cNvCxnSpPr/>
      </xdr:nvCxnSpPr>
      <xdr:spPr>
        <a:xfrm flipV="1">
          <a:off x="9219565" y="594588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11" name="【図書館】&#10;一人当たり面積最小値テキスト"/>
        <xdr:cNvSpPr txBox="1"/>
      </xdr:nvSpPr>
      <xdr:spPr>
        <a:xfrm>
          <a:off x="9258300" y="6973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12" name="直線コネクタ 111"/>
        <xdr:cNvCxnSpPr/>
      </xdr:nvCxnSpPr>
      <xdr:spPr>
        <a:xfrm>
          <a:off x="9154160" y="69700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25163</xdr:rowOff>
    </xdr:from>
    <xdr:ext cx="469744" cy="259045"/>
    <xdr:sp macro="" textlink="">
      <xdr:nvSpPr>
        <xdr:cNvPr id="113" name="【図書館】&#10;一人当たり面積最大値テキスト"/>
        <xdr:cNvSpPr txBox="1"/>
      </xdr:nvSpPr>
      <xdr:spPr>
        <a:xfrm>
          <a:off x="9258300" y="57249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78486</xdr:rowOff>
    </xdr:from>
    <xdr:to>
      <xdr:col>55</xdr:col>
      <xdr:colOff>88900</xdr:colOff>
      <xdr:row>35</xdr:row>
      <xdr:rowOff>78486</xdr:rowOff>
    </xdr:to>
    <xdr:cxnSp macro="">
      <xdr:nvCxnSpPr>
        <xdr:cNvPr id="114" name="直線コネクタ 113"/>
        <xdr:cNvCxnSpPr/>
      </xdr:nvCxnSpPr>
      <xdr:spPr>
        <a:xfrm>
          <a:off x="9154160" y="594588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67835</xdr:rowOff>
    </xdr:from>
    <xdr:ext cx="469744" cy="259045"/>
    <xdr:sp macro="" textlink="">
      <xdr:nvSpPr>
        <xdr:cNvPr id="115" name="【図書館】&#10;一人当たり面積平均値テキスト"/>
        <xdr:cNvSpPr txBox="1"/>
      </xdr:nvSpPr>
      <xdr:spPr>
        <a:xfrm>
          <a:off x="9258300" y="67734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9408</xdr:rowOff>
    </xdr:from>
    <xdr:to>
      <xdr:col>55</xdr:col>
      <xdr:colOff>50800</xdr:colOff>
      <xdr:row>41</xdr:row>
      <xdr:rowOff>19558</xdr:rowOff>
    </xdr:to>
    <xdr:sp macro="" textlink="">
      <xdr:nvSpPr>
        <xdr:cNvPr id="116" name="フローチャート: 判断 115"/>
        <xdr:cNvSpPr/>
      </xdr:nvSpPr>
      <xdr:spPr>
        <a:xfrm>
          <a:off x="9192260" y="679500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93980</xdr:rowOff>
    </xdr:from>
    <xdr:to>
      <xdr:col>50</xdr:col>
      <xdr:colOff>165100</xdr:colOff>
      <xdr:row>41</xdr:row>
      <xdr:rowOff>24130</xdr:rowOff>
    </xdr:to>
    <xdr:sp macro="" textlink="">
      <xdr:nvSpPr>
        <xdr:cNvPr id="117" name="フローチャート: 判断 116"/>
        <xdr:cNvSpPr/>
      </xdr:nvSpPr>
      <xdr:spPr>
        <a:xfrm>
          <a:off x="8445500" y="6799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89408</xdr:rowOff>
    </xdr:from>
    <xdr:to>
      <xdr:col>46</xdr:col>
      <xdr:colOff>38100</xdr:colOff>
      <xdr:row>41</xdr:row>
      <xdr:rowOff>19558</xdr:rowOff>
    </xdr:to>
    <xdr:sp macro="" textlink="">
      <xdr:nvSpPr>
        <xdr:cNvPr id="118" name="フローチャート: 判断 117"/>
        <xdr:cNvSpPr/>
      </xdr:nvSpPr>
      <xdr:spPr>
        <a:xfrm>
          <a:off x="7670800" y="679500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0264</xdr:rowOff>
    </xdr:from>
    <xdr:to>
      <xdr:col>41</xdr:col>
      <xdr:colOff>101600</xdr:colOff>
      <xdr:row>41</xdr:row>
      <xdr:rowOff>10414</xdr:rowOff>
    </xdr:to>
    <xdr:sp macro="" textlink="">
      <xdr:nvSpPr>
        <xdr:cNvPr id="119" name="フローチャート: 判断 118"/>
        <xdr:cNvSpPr/>
      </xdr:nvSpPr>
      <xdr:spPr>
        <a:xfrm>
          <a:off x="6873240" y="678586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12268</xdr:rowOff>
    </xdr:from>
    <xdr:to>
      <xdr:col>36</xdr:col>
      <xdr:colOff>165100</xdr:colOff>
      <xdr:row>41</xdr:row>
      <xdr:rowOff>42418</xdr:rowOff>
    </xdr:to>
    <xdr:sp macro="" textlink="">
      <xdr:nvSpPr>
        <xdr:cNvPr id="120" name="フローチャート: 判断 119"/>
        <xdr:cNvSpPr/>
      </xdr:nvSpPr>
      <xdr:spPr>
        <a:xfrm>
          <a:off x="6098540" y="681786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1" name="テキスト ボックス 120"/>
        <xdr:cNvSpPr txBox="1"/>
      </xdr:nvSpPr>
      <xdr:spPr>
        <a:xfrm>
          <a:off x="90525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2" name="テキスト ボックス 121"/>
        <xdr:cNvSpPr txBox="1"/>
      </xdr:nvSpPr>
      <xdr:spPr>
        <a:xfrm>
          <a:off x="83286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3" name="テキスト ボックス 122"/>
        <xdr:cNvSpPr txBox="1"/>
      </xdr:nvSpPr>
      <xdr:spPr>
        <a:xfrm>
          <a:off x="75463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4" name="テキスト ボックス 123"/>
        <xdr:cNvSpPr txBox="1"/>
      </xdr:nvSpPr>
      <xdr:spPr>
        <a:xfrm>
          <a:off x="67564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5" name="テキスト ボックス 124"/>
        <xdr:cNvSpPr txBox="1"/>
      </xdr:nvSpPr>
      <xdr:spPr>
        <a:xfrm>
          <a:off x="59817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0264</xdr:rowOff>
    </xdr:from>
    <xdr:to>
      <xdr:col>55</xdr:col>
      <xdr:colOff>50800</xdr:colOff>
      <xdr:row>41</xdr:row>
      <xdr:rowOff>10414</xdr:rowOff>
    </xdr:to>
    <xdr:sp macro="" textlink="">
      <xdr:nvSpPr>
        <xdr:cNvPr id="126" name="楕円 125"/>
        <xdr:cNvSpPr/>
      </xdr:nvSpPr>
      <xdr:spPr>
        <a:xfrm>
          <a:off x="9192260" y="6785864"/>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3141</xdr:rowOff>
    </xdr:from>
    <xdr:ext cx="469744" cy="259045"/>
    <xdr:sp macro="" textlink="">
      <xdr:nvSpPr>
        <xdr:cNvPr id="127" name="【図書館】&#10;一人当たり面積該当値テキスト"/>
        <xdr:cNvSpPr txBox="1"/>
      </xdr:nvSpPr>
      <xdr:spPr>
        <a:xfrm>
          <a:off x="9258300" y="6641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0264</xdr:rowOff>
    </xdr:from>
    <xdr:to>
      <xdr:col>50</xdr:col>
      <xdr:colOff>165100</xdr:colOff>
      <xdr:row>41</xdr:row>
      <xdr:rowOff>10414</xdr:rowOff>
    </xdr:to>
    <xdr:sp macro="" textlink="">
      <xdr:nvSpPr>
        <xdr:cNvPr id="128" name="楕円 127"/>
        <xdr:cNvSpPr/>
      </xdr:nvSpPr>
      <xdr:spPr>
        <a:xfrm>
          <a:off x="8445500" y="678586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1064</xdr:rowOff>
    </xdr:from>
    <xdr:to>
      <xdr:col>55</xdr:col>
      <xdr:colOff>0</xdr:colOff>
      <xdr:row>40</xdr:row>
      <xdr:rowOff>131064</xdr:rowOff>
    </xdr:to>
    <xdr:cxnSp macro="">
      <xdr:nvCxnSpPr>
        <xdr:cNvPr id="129" name="直線コネクタ 128"/>
        <xdr:cNvCxnSpPr/>
      </xdr:nvCxnSpPr>
      <xdr:spPr>
        <a:xfrm>
          <a:off x="8496300" y="6836664"/>
          <a:ext cx="7239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5692</xdr:rowOff>
    </xdr:from>
    <xdr:to>
      <xdr:col>46</xdr:col>
      <xdr:colOff>38100</xdr:colOff>
      <xdr:row>41</xdr:row>
      <xdr:rowOff>5842</xdr:rowOff>
    </xdr:to>
    <xdr:sp macro="" textlink="">
      <xdr:nvSpPr>
        <xdr:cNvPr id="130" name="楕円 129"/>
        <xdr:cNvSpPr/>
      </xdr:nvSpPr>
      <xdr:spPr>
        <a:xfrm>
          <a:off x="7670800" y="6781292"/>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6492</xdr:rowOff>
    </xdr:from>
    <xdr:to>
      <xdr:col>50</xdr:col>
      <xdr:colOff>114300</xdr:colOff>
      <xdr:row>40</xdr:row>
      <xdr:rowOff>131064</xdr:rowOff>
    </xdr:to>
    <xdr:cxnSp macro="">
      <xdr:nvCxnSpPr>
        <xdr:cNvPr id="131" name="直線コネクタ 130"/>
        <xdr:cNvCxnSpPr/>
      </xdr:nvCxnSpPr>
      <xdr:spPr>
        <a:xfrm>
          <a:off x="7713980" y="6832092"/>
          <a:ext cx="78232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5692</xdr:rowOff>
    </xdr:from>
    <xdr:to>
      <xdr:col>41</xdr:col>
      <xdr:colOff>101600</xdr:colOff>
      <xdr:row>41</xdr:row>
      <xdr:rowOff>5842</xdr:rowOff>
    </xdr:to>
    <xdr:sp macro="" textlink="">
      <xdr:nvSpPr>
        <xdr:cNvPr id="132" name="楕円 131"/>
        <xdr:cNvSpPr/>
      </xdr:nvSpPr>
      <xdr:spPr>
        <a:xfrm>
          <a:off x="6873240" y="678129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6492</xdr:rowOff>
    </xdr:from>
    <xdr:to>
      <xdr:col>45</xdr:col>
      <xdr:colOff>177800</xdr:colOff>
      <xdr:row>40</xdr:row>
      <xdr:rowOff>126492</xdr:rowOff>
    </xdr:to>
    <xdr:cxnSp macro="">
      <xdr:nvCxnSpPr>
        <xdr:cNvPr id="133" name="直線コネクタ 132"/>
        <xdr:cNvCxnSpPr/>
      </xdr:nvCxnSpPr>
      <xdr:spPr>
        <a:xfrm>
          <a:off x="6924040" y="6832092"/>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89408</xdr:rowOff>
    </xdr:from>
    <xdr:to>
      <xdr:col>36</xdr:col>
      <xdr:colOff>165100</xdr:colOff>
      <xdr:row>41</xdr:row>
      <xdr:rowOff>19558</xdr:rowOff>
    </xdr:to>
    <xdr:sp macro="" textlink="">
      <xdr:nvSpPr>
        <xdr:cNvPr id="134" name="楕円 133"/>
        <xdr:cNvSpPr/>
      </xdr:nvSpPr>
      <xdr:spPr>
        <a:xfrm>
          <a:off x="6098540" y="679500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26492</xdr:rowOff>
    </xdr:from>
    <xdr:to>
      <xdr:col>41</xdr:col>
      <xdr:colOff>50800</xdr:colOff>
      <xdr:row>40</xdr:row>
      <xdr:rowOff>140208</xdr:rowOff>
    </xdr:to>
    <xdr:cxnSp macro="">
      <xdr:nvCxnSpPr>
        <xdr:cNvPr id="135" name="直線コネクタ 134"/>
        <xdr:cNvCxnSpPr/>
      </xdr:nvCxnSpPr>
      <xdr:spPr>
        <a:xfrm flipV="1">
          <a:off x="6149340" y="6832092"/>
          <a:ext cx="7747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5257</xdr:rowOff>
    </xdr:from>
    <xdr:ext cx="469744" cy="259045"/>
    <xdr:sp macro="" textlink="">
      <xdr:nvSpPr>
        <xdr:cNvPr id="136" name="n_1aveValue【図書館】&#10;一人当たり面積"/>
        <xdr:cNvSpPr txBox="1"/>
      </xdr:nvSpPr>
      <xdr:spPr>
        <a:xfrm>
          <a:off x="8271587" y="688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0685</xdr:rowOff>
    </xdr:from>
    <xdr:ext cx="469744" cy="259045"/>
    <xdr:sp macro="" textlink="">
      <xdr:nvSpPr>
        <xdr:cNvPr id="137" name="n_2aveValue【図書館】&#10;一人当たり面積"/>
        <xdr:cNvSpPr txBox="1"/>
      </xdr:nvSpPr>
      <xdr:spPr>
        <a:xfrm>
          <a:off x="7509587" y="688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541</xdr:rowOff>
    </xdr:from>
    <xdr:ext cx="469744" cy="259045"/>
    <xdr:sp macro="" textlink="">
      <xdr:nvSpPr>
        <xdr:cNvPr id="138" name="n_3aveValue【図書館】&#10;一人当たり面積"/>
        <xdr:cNvSpPr txBox="1"/>
      </xdr:nvSpPr>
      <xdr:spPr>
        <a:xfrm>
          <a:off x="6712027" y="68747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33545</xdr:rowOff>
    </xdr:from>
    <xdr:ext cx="469744" cy="259045"/>
    <xdr:sp macro="" textlink="">
      <xdr:nvSpPr>
        <xdr:cNvPr id="139" name="n_4aveValue【図書館】&#10;一人当たり面積"/>
        <xdr:cNvSpPr txBox="1"/>
      </xdr:nvSpPr>
      <xdr:spPr>
        <a:xfrm>
          <a:off x="5937327" y="6906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26941</xdr:rowOff>
    </xdr:from>
    <xdr:ext cx="469744" cy="259045"/>
    <xdr:sp macro="" textlink="">
      <xdr:nvSpPr>
        <xdr:cNvPr id="140" name="n_1mainValue【図書館】&#10;一人当たり面積"/>
        <xdr:cNvSpPr txBox="1"/>
      </xdr:nvSpPr>
      <xdr:spPr>
        <a:xfrm>
          <a:off x="8271587" y="6564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22369</xdr:rowOff>
    </xdr:from>
    <xdr:ext cx="469744" cy="259045"/>
    <xdr:sp macro="" textlink="">
      <xdr:nvSpPr>
        <xdr:cNvPr id="141" name="n_2mainValue【図書館】&#10;一人当たり面積"/>
        <xdr:cNvSpPr txBox="1"/>
      </xdr:nvSpPr>
      <xdr:spPr>
        <a:xfrm>
          <a:off x="7509587" y="6560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22369</xdr:rowOff>
    </xdr:from>
    <xdr:ext cx="469744" cy="259045"/>
    <xdr:sp macro="" textlink="">
      <xdr:nvSpPr>
        <xdr:cNvPr id="142" name="n_3mainValue【図書館】&#10;一人当たり面積"/>
        <xdr:cNvSpPr txBox="1"/>
      </xdr:nvSpPr>
      <xdr:spPr>
        <a:xfrm>
          <a:off x="6712027" y="65603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36085</xdr:rowOff>
    </xdr:from>
    <xdr:ext cx="469744" cy="259045"/>
    <xdr:sp macro="" textlink="">
      <xdr:nvSpPr>
        <xdr:cNvPr id="143" name="n_4mainValue【図書館】&#10;一人当たり面積"/>
        <xdr:cNvSpPr txBox="1"/>
      </xdr:nvSpPr>
      <xdr:spPr>
        <a:xfrm>
          <a:off x="5937327" y="65740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xdr:cNvSpPr/>
      </xdr:nvSpPr>
      <xdr:spPr>
        <a:xfrm>
          <a:off x="67056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xdr:cNvSpPr/>
      </xdr:nvSpPr>
      <xdr:spPr>
        <a:xfrm>
          <a:off x="79756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xdr:cNvSpPr/>
      </xdr:nvSpPr>
      <xdr:spPr>
        <a:xfrm>
          <a:off x="79756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xdr:cNvSpPr/>
      </xdr:nvSpPr>
      <xdr:spPr>
        <a:xfrm>
          <a:off x="16764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xdr:cNvSpPr/>
      </xdr:nvSpPr>
      <xdr:spPr>
        <a:xfrm>
          <a:off x="16764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xdr:cNvSpPr/>
      </xdr:nvSpPr>
      <xdr:spPr>
        <a:xfrm>
          <a:off x="2682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xdr:cNvSpPr/>
      </xdr:nvSpPr>
      <xdr:spPr>
        <a:xfrm>
          <a:off x="2682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xdr:cNvSpPr/>
      </xdr:nvSpPr>
      <xdr:spPr>
        <a:xfrm>
          <a:off x="67056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xdr:cNvSpPr txBox="1"/>
      </xdr:nvSpPr>
      <xdr:spPr>
        <a:xfrm>
          <a:off x="65532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xdr:cNvCxnSpPr/>
      </xdr:nvCxnSpPr>
      <xdr:spPr>
        <a:xfrm>
          <a:off x="67056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54" name="テキスト ボックス 153"/>
        <xdr:cNvSpPr txBox="1"/>
      </xdr:nvSpPr>
      <xdr:spPr>
        <a:xfrm>
          <a:off x="336081" y="110401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5</xdr:row>
      <xdr:rowOff>0</xdr:rowOff>
    </xdr:from>
    <xdr:to>
      <xdr:col>28</xdr:col>
      <xdr:colOff>114300</xdr:colOff>
      <xdr:row>65</xdr:row>
      <xdr:rowOff>0</xdr:rowOff>
    </xdr:to>
    <xdr:cxnSp macro="">
      <xdr:nvCxnSpPr>
        <xdr:cNvPr id="155" name="直線コネクタ 154"/>
        <xdr:cNvCxnSpPr/>
      </xdr:nvCxnSpPr>
      <xdr:spPr>
        <a:xfrm>
          <a:off x="670560" y="108966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4</xdr:row>
      <xdr:rowOff>29227</xdr:rowOff>
    </xdr:from>
    <xdr:ext cx="403059" cy="259045"/>
    <xdr:sp macro="" textlink="">
      <xdr:nvSpPr>
        <xdr:cNvPr id="156" name="テキスト ボックス 155"/>
        <xdr:cNvSpPr txBox="1"/>
      </xdr:nvSpPr>
      <xdr:spPr>
        <a:xfrm>
          <a:off x="336081" y="107581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3</xdr:row>
      <xdr:rowOff>57150</xdr:rowOff>
    </xdr:to>
    <xdr:cxnSp macro="">
      <xdr:nvCxnSpPr>
        <xdr:cNvPr id="157" name="直線コネクタ 156"/>
        <xdr:cNvCxnSpPr/>
      </xdr:nvCxnSpPr>
      <xdr:spPr>
        <a:xfrm>
          <a:off x="670560" y="106184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86377</xdr:rowOff>
    </xdr:from>
    <xdr:ext cx="403059" cy="259045"/>
    <xdr:sp macro="" textlink="">
      <xdr:nvSpPr>
        <xdr:cNvPr id="158" name="テキスト ボックス 157"/>
        <xdr:cNvSpPr txBox="1"/>
      </xdr:nvSpPr>
      <xdr:spPr>
        <a:xfrm>
          <a:off x="336081" y="10480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114300</xdr:rowOff>
    </xdr:from>
    <xdr:to>
      <xdr:col>28</xdr:col>
      <xdr:colOff>114300</xdr:colOff>
      <xdr:row>61</xdr:row>
      <xdr:rowOff>114300</xdr:rowOff>
    </xdr:to>
    <xdr:cxnSp macro="">
      <xdr:nvCxnSpPr>
        <xdr:cNvPr id="159" name="直線コネクタ 158"/>
        <xdr:cNvCxnSpPr/>
      </xdr:nvCxnSpPr>
      <xdr:spPr>
        <a:xfrm>
          <a:off x="670560" y="10340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143527</xdr:rowOff>
    </xdr:from>
    <xdr:ext cx="403059" cy="259045"/>
    <xdr:sp macro="" textlink="">
      <xdr:nvSpPr>
        <xdr:cNvPr id="160" name="テキスト ボックス 159"/>
        <xdr:cNvSpPr txBox="1"/>
      </xdr:nvSpPr>
      <xdr:spPr>
        <a:xfrm>
          <a:off x="336081" y="10201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1" name="直線コネクタ 160"/>
        <xdr:cNvCxnSpPr/>
      </xdr:nvCxnSpPr>
      <xdr:spPr>
        <a:xfrm>
          <a:off x="67056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2" name="テキスト ボックス 161"/>
        <xdr:cNvSpPr txBox="1"/>
      </xdr:nvSpPr>
      <xdr:spPr>
        <a:xfrm>
          <a:off x="33608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57150</xdr:rowOff>
    </xdr:from>
    <xdr:to>
      <xdr:col>28</xdr:col>
      <xdr:colOff>114300</xdr:colOff>
      <xdr:row>58</xdr:row>
      <xdr:rowOff>57150</xdr:rowOff>
    </xdr:to>
    <xdr:cxnSp macro="">
      <xdr:nvCxnSpPr>
        <xdr:cNvPr id="163" name="直線コネクタ 162"/>
        <xdr:cNvCxnSpPr/>
      </xdr:nvCxnSpPr>
      <xdr:spPr>
        <a:xfrm>
          <a:off x="670560" y="97802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86377</xdr:rowOff>
    </xdr:from>
    <xdr:ext cx="403059" cy="259045"/>
    <xdr:sp macro="" textlink="">
      <xdr:nvSpPr>
        <xdr:cNvPr id="164" name="テキスト ボックス 163"/>
        <xdr:cNvSpPr txBox="1"/>
      </xdr:nvSpPr>
      <xdr:spPr>
        <a:xfrm>
          <a:off x="336081" y="96418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114300</xdr:rowOff>
    </xdr:from>
    <xdr:to>
      <xdr:col>28</xdr:col>
      <xdr:colOff>114300</xdr:colOff>
      <xdr:row>56</xdr:row>
      <xdr:rowOff>114300</xdr:rowOff>
    </xdr:to>
    <xdr:cxnSp macro="">
      <xdr:nvCxnSpPr>
        <xdr:cNvPr id="165" name="直線コネクタ 164"/>
        <xdr:cNvCxnSpPr/>
      </xdr:nvCxnSpPr>
      <xdr:spPr>
        <a:xfrm>
          <a:off x="670560" y="9502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143527</xdr:rowOff>
    </xdr:from>
    <xdr:ext cx="403059" cy="259045"/>
    <xdr:sp macro="" textlink="">
      <xdr:nvSpPr>
        <xdr:cNvPr id="166" name="テキスト ボックス 165"/>
        <xdr:cNvSpPr txBox="1"/>
      </xdr:nvSpPr>
      <xdr:spPr>
        <a:xfrm>
          <a:off x="336081" y="9363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0</xdr:rowOff>
    </xdr:from>
    <xdr:to>
      <xdr:col>28</xdr:col>
      <xdr:colOff>114300</xdr:colOff>
      <xdr:row>55</xdr:row>
      <xdr:rowOff>0</xdr:rowOff>
    </xdr:to>
    <xdr:cxnSp macro="">
      <xdr:nvCxnSpPr>
        <xdr:cNvPr id="167" name="直線コネクタ 166"/>
        <xdr:cNvCxnSpPr/>
      </xdr:nvCxnSpPr>
      <xdr:spPr>
        <a:xfrm>
          <a:off x="670560" y="9220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29227</xdr:rowOff>
    </xdr:from>
    <xdr:ext cx="403059" cy="259045"/>
    <xdr:sp macro="" textlink="">
      <xdr:nvSpPr>
        <xdr:cNvPr id="168" name="テキスト ボックス 167"/>
        <xdr:cNvSpPr txBox="1"/>
      </xdr:nvSpPr>
      <xdr:spPr>
        <a:xfrm>
          <a:off x="336081" y="9081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xdr:cNvCxnSpPr/>
      </xdr:nvCxnSpPr>
      <xdr:spPr>
        <a:xfrm>
          <a:off x="67056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70" name="テキスト ボックス 169"/>
        <xdr:cNvSpPr txBox="1"/>
      </xdr:nvSpPr>
      <xdr:spPr>
        <a:xfrm>
          <a:off x="336081" y="88036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体育館・プール】&#10;有形固定資産減価償却率グラフ枠"/>
        <xdr:cNvSpPr/>
      </xdr:nvSpPr>
      <xdr:spPr>
        <a:xfrm>
          <a:off x="67056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22860</xdr:rowOff>
    </xdr:from>
    <xdr:to>
      <xdr:col>24</xdr:col>
      <xdr:colOff>62865</xdr:colOff>
      <xdr:row>64</xdr:row>
      <xdr:rowOff>25718</xdr:rowOff>
    </xdr:to>
    <xdr:cxnSp macro="">
      <xdr:nvCxnSpPr>
        <xdr:cNvPr id="172" name="直線コネクタ 171"/>
        <xdr:cNvCxnSpPr/>
      </xdr:nvCxnSpPr>
      <xdr:spPr>
        <a:xfrm flipV="1">
          <a:off x="4086225" y="9410700"/>
          <a:ext cx="0" cy="1343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29545</xdr:rowOff>
    </xdr:from>
    <xdr:ext cx="405111" cy="259045"/>
    <xdr:sp macro="" textlink="">
      <xdr:nvSpPr>
        <xdr:cNvPr id="173" name="【体育館・プール】&#10;有形固定資産減価償却率最小値テキスト"/>
        <xdr:cNvSpPr txBox="1"/>
      </xdr:nvSpPr>
      <xdr:spPr>
        <a:xfrm>
          <a:off x="4124960" y="107585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5718</xdr:rowOff>
    </xdr:from>
    <xdr:to>
      <xdr:col>24</xdr:col>
      <xdr:colOff>152400</xdr:colOff>
      <xdr:row>64</xdr:row>
      <xdr:rowOff>25718</xdr:rowOff>
    </xdr:to>
    <xdr:cxnSp macro="">
      <xdr:nvCxnSpPr>
        <xdr:cNvPr id="174" name="直線コネクタ 173"/>
        <xdr:cNvCxnSpPr/>
      </xdr:nvCxnSpPr>
      <xdr:spPr>
        <a:xfrm>
          <a:off x="4020820" y="1075467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40987</xdr:rowOff>
    </xdr:from>
    <xdr:ext cx="405111" cy="259045"/>
    <xdr:sp macro="" textlink="">
      <xdr:nvSpPr>
        <xdr:cNvPr id="175" name="【体育館・プール】&#10;有形固定資産減価償却率最大値テキスト"/>
        <xdr:cNvSpPr txBox="1"/>
      </xdr:nvSpPr>
      <xdr:spPr>
        <a:xfrm>
          <a:off x="4124960" y="9193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22860</xdr:rowOff>
    </xdr:from>
    <xdr:to>
      <xdr:col>24</xdr:col>
      <xdr:colOff>152400</xdr:colOff>
      <xdr:row>56</xdr:row>
      <xdr:rowOff>22860</xdr:rowOff>
    </xdr:to>
    <xdr:cxnSp macro="">
      <xdr:nvCxnSpPr>
        <xdr:cNvPr id="176" name="直線コネクタ 175"/>
        <xdr:cNvCxnSpPr/>
      </xdr:nvCxnSpPr>
      <xdr:spPr>
        <a:xfrm>
          <a:off x="4020820" y="941070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74947</xdr:rowOff>
    </xdr:from>
    <xdr:ext cx="405111" cy="259045"/>
    <xdr:sp macro="" textlink="">
      <xdr:nvSpPr>
        <xdr:cNvPr id="177" name="【体育館・プール】&#10;有形固定資産減価償却率平均値テキスト"/>
        <xdr:cNvSpPr txBox="1"/>
      </xdr:nvSpPr>
      <xdr:spPr>
        <a:xfrm>
          <a:off x="4124960" y="9798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2070</xdr:rowOff>
    </xdr:from>
    <xdr:to>
      <xdr:col>24</xdr:col>
      <xdr:colOff>114300</xdr:colOff>
      <xdr:row>59</xdr:row>
      <xdr:rowOff>153670</xdr:rowOff>
    </xdr:to>
    <xdr:sp macro="" textlink="">
      <xdr:nvSpPr>
        <xdr:cNvPr id="178" name="フローチャート: 判断 177"/>
        <xdr:cNvSpPr/>
      </xdr:nvSpPr>
      <xdr:spPr>
        <a:xfrm>
          <a:off x="4036060" y="9942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74930</xdr:rowOff>
    </xdr:from>
    <xdr:to>
      <xdr:col>20</xdr:col>
      <xdr:colOff>38100</xdr:colOff>
      <xdr:row>60</xdr:row>
      <xdr:rowOff>5080</xdr:rowOff>
    </xdr:to>
    <xdr:sp macro="" textlink="">
      <xdr:nvSpPr>
        <xdr:cNvPr id="179" name="フローチャート: 判断 178"/>
        <xdr:cNvSpPr/>
      </xdr:nvSpPr>
      <xdr:spPr>
        <a:xfrm>
          <a:off x="3312160" y="996569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57785</xdr:rowOff>
    </xdr:from>
    <xdr:to>
      <xdr:col>15</xdr:col>
      <xdr:colOff>101600</xdr:colOff>
      <xdr:row>59</xdr:row>
      <xdr:rowOff>159385</xdr:rowOff>
    </xdr:to>
    <xdr:sp macro="" textlink="">
      <xdr:nvSpPr>
        <xdr:cNvPr id="180" name="フローチャート: 判断 179"/>
        <xdr:cNvSpPr/>
      </xdr:nvSpPr>
      <xdr:spPr>
        <a:xfrm>
          <a:off x="2514600" y="9948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8</xdr:row>
      <xdr:rowOff>114935</xdr:rowOff>
    </xdr:from>
    <xdr:to>
      <xdr:col>10</xdr:col>
      <xdr:colOff>165100</xdr:colOff>
      <xdr:row>59</xdr:row>
      <xdr:rowOff>45085</xdr:rowOff>
    </xdr:to>
    <xdr:sp macro="" textlink="">
      <xdr:nvSpPr>
        <xdr:cNvPr id="181" name="フローチャート: 判断 180"/>
        <xdr:cNvSpPr/>
      </xdr:nvSpPr>
      <xdr:spPr>
        <a:xfrm>
          <a:off x="1739900" y="98380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17793</xdr:rowOff>
    </xdr:from>
    <xdr:to>
      <xdr:col>6</xdr:col>
      <xdr:colOff>38100</xdr:colOff>
      <xdr:row>59</xdr:row>
      <xdr:rowOff>47943</xdr:rowOff>
    </xdr:to>
    <xdr:sp macro="" textlink="">
      <xdr:nvSpPr>
        <xdr:cNvPr id="182" name="フローチャート: 判断 181"/>
        <xdr:cNvSpPr/>
      </xdr:nvSpPr>
      <xdr:spPr>
        <a:xfrm>
          <a:off x="965200" y="9840913"/>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xdr:cNvSpPr txBox="1"/>
      </xdr:nvSpPr>
      <xdr:spPr>
        <a:xfrm>
          <a:off x="39192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xdr:cNvSpPr txBox="1"/>
      </xdr:nvSpPr>
      <xdr:spPr>
        <a:xfrm>
          <a:off x="3187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xdr:cNvSpPr txBox="1"/>
      </xdr:nvSpPr>
      <xdr:spPr>
        <a:xfrm>
          <a:off x="2397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xdr:cNvSpPr txBox="1"/>
      </xdr:nvSpPr>
      <xdr:spPr>
        <a:xfrm>
          <a:off x="16230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xdr:cNvSpPr txBox="1"/>
      </xdr:nvSpPr>
      <xdr:spPr>
        <a:xfrm>
          <a:off x="8407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60655</xdr:rowOff>
    </xdr:from>
    <xdr:to>
      <xdr:col>24</xdr:col>
      <xdr:colOff>114300</xdr:colOff>
      <xdr:row>62</xdr:row>
      <xdr:rowOff>90805</xdr:rowOff>
    </xdr:to>
    <xdr:sp macro="" textlink="">
      <xdr:nvSpPr>
        <xdr:cNvPr id="188" name="楕円 187"/>
        <xdr:cNvSpPr/>
      </xdr:nvSpPr>
      <xdr:spPr>
        <a:xfrm>
          <a:off x="4036060" y="103866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1</xdr:row>
      <xdr:rowOff>139082</xdr:rowOff>
    </xdr:from>
    <xdr:ext cx="405111" cy="259045"/>
    <xdr:sp macro="" textlink="">
      <xdr:nvSpPr>
        <xdr:cNvPr id="189" name="【体育館・プール】&#10;有形固定資産減価償却率該当値テキスト"/>
        <xdr:cNvSpPr txBox="1"/>
      </xdr:nvSpPr>
      <xdr:spPr>
        <a:xfrm>
          <a:off x="4124960" y="1036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69215</xdr:rowOff>
    </xdr:from>
    <xdr:to>
      <xdr:col>20</xdr:col>
      <xdr:colOff>38100</xdr:colOff>
      <xdr:row>61</xdr:row>
      <xdr:rowOff>170815</xdr:rowOff>
    </xdr:to>
    <xdr:sp macro="" textlink="">
      <xdr:nvSpPr>
        <xdr:cNvPr id="190" name="楕円 189"/>
        <xdr:cNvSpPr/>
      </xdr:nvSpPr>
      <xdr:spPr>
        <a:xfrm>
          <a:off x="3312160" y="10295255"/>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1</xdr:row>
      <xdr:rowOff>120015</xdr:rowOff>
    </xdr:from>
    <xdr:to>
      <xdr:col>24</xdr:col>
      <xdr:colOff>63500</xdr:colOff>
      <xdr:row>62</xdr:row>
      <xdr:rowOff>40005</xdr:rowOff>
    </xdr:to>
    <xdr:cxnSp macro="">
      <xdr:nvCxnSpPr>
        <xdr:cNvPr id="191" name="直線コネクタ 190"/>
        <xdr:cNvCxnSpPr/>
      </xdr:nvCxnSpPr>
      <xdr:spPr>
        <a:xfrm>
          <a:off x="3355340" y="10346055"/>
          <a:ext cx="73152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74930</xdr:rowOff>
    </xdr:from>
    <xdr:to>
      <xdr:col>15</xdr:col>
      <xdr:colOff>101600</xdr:colOff>
      <xdr:row>62</xdr:row>
      <xdr:rowOff>5080</xdr:rowOff>
    </xdr:to>
    <xdr:sp macro="" textlink="">
      <xdr:nvSpPr>
        <xdr:cNvPr id="192" name="楕円 191"/>
        <xdr:cNvSpPr/>
      </xdr:nvSpPr>
      <xdr:spPr>
        <a:xfrm>
          <a:off x="2514600" y="103009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20015</xdr:rowOff>
    </xdr:from>
    <xdr:to>
      <xdr:col>19</xdr:col>
      <xdr:colOff>177800</xdr:colOff>
      <xdr:row>61</xdr:row>
      <xdr:rowOff>125730</xdr:rowOff>
    </xdr:to>
    <xdr:cxnSp macro="">
      <xdr:nvCxnSpPr>
        <xdr:cNvPr id="193" name="直線コネクタ 192"/>
        <xdr:cNvCxnSpPr/>
      </xdr:nvCxnSpPr>
      <xdr:spPr>
        <a:xfrm flipV="1">
          <a:off x="2565400" y="10346055"/>
          <a:ext cx="789940" cy="5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1</xdr:row>
      <xdr:rowOff>43497</xdr:rowOff>
    </xdr:from>
    <xdr:to>
      <xdr:col>10</xdr:col>
      <xdr:colOff>165100</xdr:colOff>
      <xdr:row>61</xdr:row>
      <xdr:rowOff>145097</xdr:rowOff>
    </xdr:to>
    <xdr:sp macro="" textlink="">
      <xdr:nvSpPr>
        <xdr:cNvPr id="194" name="楕円 193"/>
        <xdr:cNvSpPr/>
      </xdr:nvSpPr>
      <xdr:spPr>
        <a:xfrm>
          <a:off x="1739900" y="10269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1</xdr:row>
      <xdr:rowOff>94297</xdr:rowOff>
    </xdr:from>
    <xdr:to>
      <xdr:col>15</xdr:col>
      <xdr:colOff>50800</xdr:colOff>
      <xdr:row>61</xdr:row>
      <xdr:rowOff>125730</xdr:rowOff>
    </xdr:to>
    <xdr:cxnSp macro="">
      <xdr:nvCxnSpPr>
        <xdr:cNvPr id="195" name="直線コネクタ 194"/>
        <xdr:cNvCxnSpPr/>
      </xdr:nvCxnSpPr>
      <xdr:spPr>
        <a:xfrm>
          <a:off x="1790700" y="10320337"/>
          <a:ext cx="774700" cy="31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0</xdr:row>
      <xdr:rowOff>154940</xdr:rowOff>
    </xdr:from>
    <xdr:to>
      <xdr:col>6</xdr:col>
      <xdr:colOff>38100</xdr:colOff>
      <xdr:row>61</xdr:row>
      <xdr:rowOff>85090</xdr:rowOff>
    </xdr:to>
    <xdr:sp macro="" textlink="">
      <xdr:nvSpPr>
        <xdr:cNvPr id="196" name="楕円 195"/>
        <xdr:cNvSpPr/>
      </xdr:nvSpPr>
      <xdr:spPr>
        <a:xfrm>
          <a:off x="965200" y="102133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1</xdr:row>
      <xdr:rowOff>34290</xdr:rowOff>
    </xdr:from>
    <xdr:to>
      <xdr:col>10</xdr:col>
      <xdr:colOff>114300</xdr:colOff>
      <xdr:row>61</xdr:row>
      <xdr:rowOff>94297</xdr:rowOff>
    </xdr:to>
    <xdr:cxnSp macro="">
      <xdr:nvCxnSpPr>
        <xdr:cNvPr id="197" name="直線コネクタ 196"/>
        <xdr:cNvCxnSpPr/>
      </xdr:nvCxnSpPr>
      <xdr:spPr>
        <a:xfrm>
          <a:off x="1008380" y="10260330"/>
          <a:ext cx="782320" cy="60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21607</xdr:rowOff>
    </xdr:from>
    <xdr:ext cx="405111" cy="259045"/>
    <xdr:sp macro="" textlink="">
      <xdr:nvSpPr>
        <xdr:cNvPr id="198" name="n_1aveValue【体育館・プール】&#10;有形固定資産減価償却率"/>
        <xdr:cNvSpPr txBox="1"/>
      </xdr:nvSpPr>
      <xdr:spPr>
        <a:xfrm>
          <a:off x="3170564" y="9744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4462</xdr:rowOff>
    </xdr:from>
    <xdr:ext cx="405111" cy="259045"/>
    <xdr:sp macro="" textlink="">
      <xdr:nvSpPr>
        <xdr:cNvPr id="199" name="n_2aveValue【体育館・プール】&#10;有形固定資産減価償却率"/>
        <xdr:cNvSpPr txBox="1"/>
      </xdr:nvSpPr>
      <xdr:spPr>
        <a:xfrm>
          <a:off x="2385704" y="9727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61612</xdr:rowOff>
    </xdr:from>
    <xdr:ext cx="405111" cy="259045"/>
    <xdr:sp macro="" textlink="">
      <xdr:nvSpPr>
        <xdr:cNvPr id="200" name="n_3aveValue【体育館・プール】&#10;有形固定資産減価償却率"/>
        <xdr:cNvSpPr txBox="1"/>
      </xdr:nvSpPr>
      <xdr:spPr>
        <a:xfrm>
          <a:off x="1611004" y="96170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64470</xdr:rowOff>
    </xdr:from>
    <xdr:ext cx="405111" cy="259045"/>
    <xdr:sp macro="" textlink="">
      <xdr:nvSpPr>
        <xdr:cNvPr id="201" name="n_4aveValue【体育館・プール】&#10;有形固定資産減価償却率"/>
        <xdr:cNvSpPr txBox="1"/>
      </xdr:nvSpPr>
      <xdr:spPr>
        <a:xfrm>
          <a:off x="836304" y="96199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61942</xdr:rowOff>
    </xdr:from>
    <xdr:ext cx="405111" cy="259045"/>
    <xdr:sp macro="" textlink="">
      <xdr:nvSpPr>
        <xdr:cNvPr id="202" name="n_1mainValue【体育館・プール】&#10;有形固定資産減価償却率"/>
        <xdr:cNvSpPr txBox="1"/>
      </xdr:nvSpPr>
      <xdr:spPr>
        <a:xfrm>
          <a:off x="3170564" y="10387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67657</xdr:rowOff>
    </xdr:from>
    <xdr:ext cx="405111" cy="259045"/>
    <xdr:sp macro="" textlink="">
      <xdr:nvSpPr>
        <xdr:cNvPr id="203" name="n_2mainValue【体育館・プール】&#10;有形固定資産減価償却率"/>
        <xdr:cNvSpPr txBox="1"/>
      </xdr:nvSpPr>
      <xdr:spPr>
        <a:xfrm>
          <a:off x="2385704" y="10393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136224</xdr:rowOff>
    </xdr:from>
    <xdr:ext cx="405111" cy="259045"/>
    <xdr:sp macro="" textlink="">
      <xdr:nvSpPr>
        <xdr:cNvPr id="204" name="n_3mainValue【体育館・プール】&#10;有形固定資産減価償却率"/>
        <xdr:cNvSpPr txBox="1"/>
      </xdr:nvSpPr>
      <xdr:spPr>
        <a:xfrm>
          <a:off x="1611004" y="10362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76217</xdr:rowOff>
    </xdr:from>
    <xdr:ext cx="405111" cy="259045"/>
    <xdr:sp macro="" textlink="">
      <xdr:nvSpPr>
        <xdr:cNvPr id="205" name="n_4mainValue【体育館・プール】&#10;有形固定資産減価償却率"/>
        <xdr:cNvSpPr txBox="1"/>
      </xdr:nvSpPr>
      <xdr:spPr>
        <a:xfrm>
          <a:off x="836304" y="1030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xdr:cNvSpPr/>
      </xdr:nvSpPr>
      <xdr:spPr>
        <a:xfrm>
          <a:off x="582676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xdr:cNvSpPr/>
      </xdr:nvSpPr>
      <xdr:spPr>
        <a:xfrm>
          <a:off x="59309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xdr:cNvSpPr/>
      </xdr:nvSpPr>
      <xdr:spPr>
        <a:xfrm>
          <a:off x="59309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xdr:cNvSpPr/>
      </xdr:nvSpPr>
      <xdr:spPr>
        <a:xfrm>
          <a:off x="683260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xdr:cNvSpPr/>
      </xdr:nvSpPr>
      <xdr:spPr>
        <a:xfrm>
          <a:off x="683260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xdr:cNvSpPr/>
      </xdr:nvSpPr>
      <xdr:spPr>
        <a:xfrm>
          <a:off x="7838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xdr:cNvSpPr/>
      </xdr:nvSpPr>
      <xdr:spPr>
        <a:xfrm>
          <a:off x="7838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xdr:cNvSpPr/>
      </xdr:nvSpPr>
      <xdr:spPr>
        <a:xfrm>
          <a:off x="582676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xdr:cNvSpPr txBox="1"/>
      </xdr:nvSpPr>
      <xdr:spPr>
        <a:xfrm>
          <a:off x="578866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xdr:cNvCxnSpPr/>
      </xdr:nvCxnSpPr>
      <xdr:spPr>
        <a:xfrm>
          <a:off x="5826760" y="111785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16" name="テキスト ボックス 215"/>
        <xdr:cNvSpPr txBox="1"/>
      </xdr:nvSpPr>
      <xdr:spPr>
        <a:xfrm>
          <a:off x="54053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17" name="直線コネクタ 216"/>
        <xdr:cNvCxnSpPr/>
      </xdr:nvCxnSpPr>
      <xdr:spPr>
        <a:xfrm>
          <a:off x="5826760" y="10859588"/>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18" name="テキスト ボックス 217"/>
        <xdr:cNvSpPr txBox="1"/>
      </xdr:nvSpPr>
      <xdr:spPr>
        <a:xfrm>
          <a:off x="5405301" y="1072117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9" name="直線コネクタ 218"/>
        <xdr:cNvCxnSpPr/>
      </xdr:nvCxnSpPr>
      <xdr:spPr>
        <a:xfrm>
          <a:off x="5826760" y="1054063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20" name="テキスト ボックス 219"/>
        <xdr:cNvSpPr txBox="1"/>
      </xdr:nvSpPr>
      <xdr:spPr>
        <a:xfrm>
          <a:off x="5405301" y="1039841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1" name="直線コネクタ 220"/>
        <xdr:cNvCxnSpPr/>
      </xdr:nvCxnSpPr>
      <xdr:spPr>
        <a:xfrm>
          <a:off x="5826760" y="1022168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22" name="テキスト ボックス 221"/>
        <xdr:cNvSpPr txBox="1"/>
      </xdr:nvSpPr>
      <xdr:spPr>
        <a:xfrm>
          <a:off x="5405301" y="100794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3" name="直線コネクタ 222"/>
        <xdr:cNvCxnSpPr/>
      </xdr:nvCxnSpPr>
      <xdr:spPr>
        <a:xfrm>
          <a:off x="5826760" y="9898925"/>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24" name="テキスト ボックス 223"/>
        <xdr:cNvSpPr txBox="1"/>
      </xdr:nvSpPr>
      <xdr:spPr>
        <a:xfrm>
          <a:off x="5405301" y="976051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5" name="直線コネクタ 224"/>
        <xdr:cNvCxnSpPr/>
      </xdr:nvCxnSpPr>
      <xdr:spPr>
        <a:xfrm>
          <a:off x="5826760" y="957997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26" name="テキスト ボックス 225"/>
        <xdr:cNvSpPr txBox="1"/>
      </xdr:nvSpPr>
      <xdr:spPr>
        <a:xfrm>
          <a:off x="5405301" y="944156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7" name="直線コネクタ 226"/>
        <xdr:cNvCxnSpPr/>
      </xdr:nvCxnSpPr>
      <xdr:spPr>
        <a:xfrm>
          <a:off x="5826760" y="9261022"/>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28" name="テキスト ボックス 227"/>
        <xdr:cNvSpPr txBox="1"/>
      </xdr:nvSpPr>
      <xdr:spPr>
        <a:xfrm>
          <a:off x="5405301" y="912260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xdr:cNvCxnSpPr/>
      </xdr:nvCxnSpPr>
      <xdr:spPr>
        <a:xfrm>
          <a:off x="5826760" y="894207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xdr:cNvSpPr txBox="1"/>
      </xdr:nvSpPr>
      <xdr:spPr>
        <a:xfrm>
          <a:off x="540530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xdr:cNvSpPr/>
      </xdr:nvSpPr>
      <xdr:spPr>
        <a:xfrm>
          <a:off x="582676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40822</xdr:rowOff>
    </xdr:from>
    <xdr:to>
      <xdr:col>54</xdr:col>
      <xdr:colOff>189865</xdr:colOff>
      <xdr:row>64</xdr:row>
      <xdr:rowOff>54428</xdr:rowOff>
    </xdr:to>
    <xdr:cxnSp macro="">
      <xdr:nvCxnSpPr>
        <xdr:cNvPr id="232" name="直線コネクタ 231"/>
        <xdr:cNvCxnSpPr/>
      </xdr:nvCxnSpPr>
      <xdr:spPr>
        <a:xfrm flipV="1">
          <a:off x="9219565" y="9261022"/>
          <a:ext cx="0" cy="15223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33" name="【体育館・プール】&#10;一人当たり面積最小値テキスト"/>
        <xdr:cNvSpPr txBox="1"/>
      </xdr:nvSpPr>
      <xdr:spPr>
        <a:xfrm>
          <a:off x="9258300" y="10787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34" name="直線コネクタ 233"/>
        <xdr:cNvCxnSpPr/>
      </xdr:nvCxnSpPr>
      <xdr:spPr>
        <a:xfrm>
          <a:off x="9154160" y="1078338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3</xdr:row>
      <xdr:rowOff>158949</xdr:rowOff>
    </xdr:from>
    <xdr:ext cx="469744" cy="259045"/>
    <xdr:sp macro="" textlink="">
      <xdr:nvSpPr>
        <xdr:cNvPr id="235" name="【体育館・プール】&#10;一人当たり面積最大値テキスト"/>
        <xdr:cNvSpPr txBox="1"/>
      </xdr:nvSpPr>
      <xdr:spPr>
        <a:xfrm>
          <a:off x="9258300" y="9043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40822</xdr:rowOff>
    </xdr:from>
    <xdr:to>
      <xdr:col>55</xdr:col>
      <xdr:colOff>88900</xdr:colOff>
      <xdr:row>55</xdr:row>
      <xdr:rowOff>40822</xdr:rowOff>
    </xdr:to>
    <xdr:cxnSp macro="">
      <xdr:nvCxnSpPr>
        <xdr:cNvPr id="236" name="直線コネクタ 235"/>
        <xdr:cNvCxnSpPr/>
      </xdr:nvCxnSpPr>
      <xdr:spPr>
        <a:xfrm>
          <a:off x="9154160" y="9261022"/>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20155</xdr:rowOff>
    </xdr:from>
    <xdr:ext cx="469744" cy="259045"/>
    <xdr:sp macro="" textlink="">
      <xdr:nvSpPr>
        <xdr:cNvPr id="237" name="【体育館・プール】&#10;一人当たり面積平均値テキスト"/>
        <xdr:cNvSpPr txBox="1"/>
      </xdr:nvSpPr>
      <xdr:spPr>
        <a:xfrm>
          <a:off x="9258300" y="1041383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41728</xdr:rowOff>
    </xdr:from>
    <xdr:to>
      <xdr:col>55</xdr:col>
      <xdr:colOff>50800</xdr:colOff>
      <xdr:row>62</xdr:row>
      <xdr:rowOff>143328</xdr:rowOff>
    </xdr:to>
    <xdr:sp macro="" textlink="">
      <xdr:nvSpPr>
        <xdr:cNvPr id="238" name="フローチャート: 判断 237"/>
        <xdr:cNvSpPr/>
      </xdr:nvSpPr>
      <xdr:spPr>
        <a:xfrm>
          <a:off x="9192260" y="10435408"/>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52615</xdr:rowOff>
    </xdr:from>
    <xdr:to>
      <xdr:col>50</xdr:col>
      <xdr:colOff>165100</xdr:colOff>
      <xdr:row>62</xdr:row>
      <xdr:rowOff>154215</xdr:rowOff>
    </xdr:to>
    <xdr:sp macro="" textlink="">
      <xdr:nvSpPr>
        <xdr:cNvPr id="239" name="フローチャート: 判断 238"/>
        <xdr:cNvSpPr/>
      </xdr:nvSpPr>
      <xdr:spPr>
        <a:xfrm>
          <a:off x="8445500" y="10446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85272</xdr:rowOff>
    </xdr:from>
    <xdr:to>
      <xdr:col>46</xdr:col>
      <xdr:colOff>38100</xdr:colOff>
      <xdr:row>63</xdr:row>
      <xdr:rowOff>15422</xdr:rowOff>
    </xdr:to>
    <xdr:sp macro="" textlink="">
      <xdr:nvSpPr>
        <xdr:cNvPr id="240" name="フローチャート: 判断 239"/>
        <xdr:cNvSpPr/>
      </xdr:nvSpPr>
      <xdr:spPr>
        <a:xfrm>
          <a:off x="7670800" y="10478952"/>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41728</xdr:rowOff>
    </xdr:from>
    <xdr:to>
      <xdr:col>41</xdr:col>
      <xdr:colOff>101600</xdr:colOff>
      <xdr:row>62</xdr:row>
      <xdr:rowOff>143328</xdr:rowOff>
    </xdr:to>
    <xdr:sp macro="" textlink="">
      <xdr:nvSpPr>
        <xdr:cNvPr id="241" name="フローチャート: 判断 240"/>
        <xdr:cNvSpPr/>
      </xdr:nvSpPr>
      <xdr:spPr>
        <a:xfrm>
          <a:off x="6873240" y="1043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1472</xdr:rowOff>
    </xdr:from>
    <xdr:to>
      <xdr:col>36</xdr:col>
      <xdr:colOff>165100</xdr:colOff>
      <xdr:row>63</xdr:row>
      <xdr:rowOff>91622</xdr:rowOff>
    </xdr:to>
    <xdr:sp macro="" textlink="">
      <xdr:nvSpPr>
        <xdr:cNvPr id="242" name="フローチャート: 判断 241"/>
        <xdr:cNvSpPr/>
      </xdr:nvSpPr>
      <xdr:spPr>
        <a:xfrm>
          <a:off x="6098540" y="1055515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xdr:cNvSpPr txBox="1"/>
      </xdr:nvSpPr>
      <xdr:spPr>
        <a:xfrm>
          <a:off x="90525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xdr:cNvSpPr txBox="1"/>
      </xdr:nvSpPr>
      <xdr:spPr>
        <a:xfrm>
          <a:off x="83286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xdr:cNvSpPr txBox="1"/>
      </xdr:nvSpPr>
      <xdr:spPr>
        <a:xfrm>
          <a:off x="75463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xdr:cNvSpPr txBox="1"/>
      </xdr:nvSpPr>
      <xdr:spPr>
        <a:xfrm>
          <a:off x="67564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xdr:cNvSpPr txBox="1"/>
      </xdr:nvSpPr>
      <xdr:spPr>
        <a:xfrm>
          <a:off x="59817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0</xdr:row>
      <xdr:rowOff>47172</xdr:rowOff>
    </xdr:from>
    <xdr:to>
      <xdr:col>55</xdr:col>
      <xdr:colOff>50800</xdr:colOff>
      <xdr:row>60</xdr:row>
      <xdr:rowOff>148772</xdr:rowOff>
    </xdr:to>
    <xdr:sp macro="" textlink="">
      <xdr:nvSpPr>
        <xdr:cNvPr id="248" name="楕円 247"/>
        <xdr:cNvSpPr/>
      </xdr:nvSpPr>
      <xdr:spPr>
        <a:xfrm>
          <a:off x="9192260" y="10105572"/>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9</xdr:row>
      <xdr:rowOff>70049</xdr:rowOff>
    </xdr:from>
    <xdr:ext cx="469744" cy="259045"/>
    <xdr:sp macro="" textlink="">
      <xdr:nvSpPr>
        <xdr:cNvPr id="249" name="【体育館・プール】&#10;一人当たり面積該当値テキスト"/>
        <xdr:cNvSpPr txBox="1"/>
      </xdr:nvSpPr>
      <xdr:spPr>
        <a:xfrm>
          <a:off x="9258300" y="9960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0</xdr:row>
      <xdr:rowOff>123372</xdr:rowOff>
    </xdr:from>
    <xdr:to>
      <xdr:col>50</xdr:col>
      <xdr:colOff>165100</xdr:colOff>
      <xdr:row>61</xdr:row>
      <xdr:rowOff>53522</xdr:rowOff>
    </xdr:to>
    <xdr:sp macro="" textlink="">
      <xdr:nvSpPr>
        <xdr:cNvPr id="250" name="楕円 249"/>
        <xdr:cNvSpPr/>
      </xdr:nvSpPr>
      <xdr:spPr>
        <a:xfrm>
          <a:off x="8445500" y="101817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0</xdr:row>
      <xdr:rowOff>97972</xdr:rowOff>
    </xdr:from>
    <xdr:to>
      <xdr:col>55</xdr:col>
      <xdr:colOff>0</xdr:colOff>
      <xdr:row>61</xdr:row>
      <xdr:rowOff>2722</xdr:rowOff>
    </xdr:to>
    <xdr:cxnSp macro="">
      <xdr:nvCxnSpPr>
        <xdr:cNvPr id="251" name="直線コネクタ 250"/>
        <xdr:cNvCxnSpPr/>
      </xdr:nvCxnSpPr>
      <xdr:spPr>
        <a:xfrm flipV="1">
          <a:off x="8496300" y="10156372"/>
          <a:ext cx="7239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0</xdr:row>
      <xdr:rowOff>112485</xdr:rowOff>
    </xdr:from>
    <xdr:to>
      <xdr:col>46</xdr:col>
      <xdr:colOff>38100</xdr:colOff>
      <xdr:row>61</xdr:row>
      <xdr:rowOff>42635</xdr:rowOff>
    </xdr:to>
    <xdr:sp macro="" textlink="">
      <xdr:nvSpPr>
        <xdr:cNvPr id="252" name="楕円 251"/>
        <xdr:cNvSpPr/>
      </xdr:nvSpPr>
      <xdr:spPr>
        <a:xfrm>
          <a:off x="7670800" y="1017088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0</xdr:row>
      <xdr:rowOff>163285</xdr:rowOff>
    </xdr:from>
    <xdr:to>
      <xdr:col>50</xdr:col>
      <xdr:colOff>114300</xdr:colOff>
      <xdr:row>61</xdr:row>
      <xdr:rowOff>2722</xdr:rowOff>
    </xdr:to>
    <xdr:cxnSp macro="">
      <xdr:nvCxnSpPr>
        <xdr:cNvPr id="253" name="直線コネクタ 252"/>
        <xdr:cNvCxnSpPr/>
      </xdr:nvCxnSpPr>
      <xdr:spPr>
        <a:xfrm>
          <a:off x="7713980" y="10221685"/>
          <a:ext cx="782320" cy="7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0</xdr:row>
      <xdr:rowOff>101600</xdr:rowOff>
    </xdr:from>
    <xdr:to>
      <xdr:col>41</xdr:col>
      <xdr:colOff>101600</xdr:colOff>
      <xdr:row>61</xdr:row>
      <xdr:rowOff>31750</xdr:rowOff>
    </xdr:to>
    <xdr:sp macro="" textlink="">
      <xdr:nvSpPr>
        <xdr:cNvPr id="254" name="楕円 253"/>
        <xdr:cNvSpPr/>
      </xdr:nvSpPr>
      <xdr:spPr>
        <a:xfrm>
          <a:off x="6873240" y="101600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0</xdr:row>
      <xdr:rowOff>152400</xdr:rowOff>
    </xdr:from>
    <xdr:to>
      <xdr:col>45</xdr:col>
      <xdr:colOff>177800</xdr:colOff>
      <xdr:row>60</xdr:row>
      <xdr:rowOff>163285</xdr:rowOff>
    </xdr:to>
    <xdr:cxnSp macro="">
      <xdr:nvCxnSpPr>
        <xdr:cNvPr id="255" name="直線コネクタ 254"/>
        <xdr:cNvCxnSpPr/>
      </xdr:nvCxnSpPr>
      <xdr:spPr>
        <a:xfrm>
          <a:off x="6924040" y="10210800"/>
          <a:ext cx="78994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0</xdr:row>
      <xdr:rowOff>79828</xdr:rowOff>
    </xdr:from>
    <xdr:to>
      <xdr:col>36</xdr:col>
      <xdr:colOff>165100</xdr:colOff>
      <xdr:row>61</xdr:row>
      <xdr:rowOff>9978</xdr:rowOff>
    </xdr:to>
    <xdr:sp macro="" textlink="">
      <xdr:nvSpPr>
        <xdr:cNvPr id="256" name="楕円 255"/>
        <xdr:cNvSpPr/>
      </xdr:nvSpPr>
      <xdr:spPr>
        <a:xfrm>
          <a:off x="6098540" y="1013822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0</xdr:row>
      <xdr:rowOff>130628</xdr:rowOff>
    </xdr:from>
    <xdr:to>
      <xdr:col>41</xdr:col>
      <xdr:colOff>50800</xdr:colOff>
      <xdr:row>60</xdr:row>
      <xdr:rowOff>152400</xdr:rowOff>
    </xdr:to>
    <xdr:cxnSp macro="">
      <xdr:nvCxnSpPr>
        <xdr:cNvPr id="257" name="直線コネクタ 256"/>
        <xdr:cNvCxnSpPr/>
      </xdr:nvCxnSpPr>
      <xdr:spPr>
        <a:xfrm>
          <a:off x="6149340" y="10189028"/>
          <a:ext cx="7747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45342</xdr:rowOff>
    </xdr:from>
    <xdr:ext cx="469744" cy="259045"/>
    <xdr:sp macro="" textlink="">
      <xdr:nvSpPr>
        <xdr:cNvPr id="258" name="n_1aveValue【体育館・プール】&#10;一人当たり面積"/>
        <xdr:cNvSpPr txBox="1"/>
      </xdr:nvSpPr>
      <xdr:spPr>
        <a:xfrm>
          <a:off x="8271587" y="10539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3</xdr:row>
      <xdr:rowOff>6549</xdr:rowOff>
    </xdr:from>
    <xdr:ext cx="469744" cy="259045"/>
    <xdr:sp macro="" textlink="">
      <xdr:nvSpPr>
        <xdr:cNvPr id="259" name="n_2aveValue【体育館・プール】&#10;一人当たり面積"/>
        <xdr:cNvSpPr txBox="1"/>
      </xdr:nvSpPr>
      <xdr:spPr>
        <a:xfrm>
          <a:off x="7509587" y="10567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34455</xdr:rowOff>
    </xdr:from>
    <xdr:ext cx="469744" cy="259045"/>
    <xdr:sp macro="" textlink="">
      <xdr:nvSpPr>
        <xdr:cNvPr id="260" name="n_3aveValue【体育館・プール】&#10;一人当たり面積"/>
        <xdr:cNvSpPr txBox="1"/>
      </xdr:nvSpPr>
      <xdr:spPr>
        <a:xfrm>
          <a:off x="6712027" y="10528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3</xdr:row>
      <xdr:rowOff>82749</xdr:rowOff>
    </xdr:from>
    <xdr:ext cx="469744" cy="259045"/>
    <xdr:sp macro="" textlink="">
      <xdr:nvSpPr>
        <xdr:cNvPr id="261" name="n_4aveValue【体育館・プール】&#10;一人当たり面積"/>
        <xdr:cNvSpPr txBox="1"/>
      </xdr:nvSpPr>
      <xdr:spPr>
        <a:xfrm>
          <a:off x="5937327" y="10644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9</xdr:row>
      <xdr:rowOff>70049</xdr:rowOff>
    </xdr:from>
    <xdr:ext cx="469744" cy="259045"/>
    <xdr:sp macro="" textlink="">
      <xdr:nvSpPr>
        <xdr:cNvPr id="262" name="n_1mainValue【体育館・プール】&#10;一人当たり面積"/>
        <xdr:cNvSpPr txBox="1"/>
      </xdr:nvSpPr>
      <xdr:spPr>
        <a:xfrm>
          <a:off x="8271587" y="99608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9</xdr:row>
      <xdr:rowOff>59162</xdr:rowOff>
    </xdr:from>
    <xdr:ext cx="469744" cy="259045"/>
    <xdr:sp macro="" textlink="">
      <xdr:nvSpPr>
        <xdr:cNvPr id="263" name="n_2mainValue【体育館・プール】&#10;一人当たり面積"/>
        <xdr:cNvSpPr txBox="1"/>
      </xdr:nvSpPr>
      <xdr:spPr>
        <a:xfrm>
          <a:off x="7509587" y="99499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9</xdr:row>
      <xdr:rowOff>48277</xdr:rowOff>
    </xdr:from>
    <xdr:ext cx="469744" cy="259045"/>
    <xdr:sp macro="" textlink="">
      <xdr:nvSpPr>
        <xdr:cNvPr id="264" name="n_3mainValue【体育館・プール】&#10;一人当たり面積"/>
        <xdr:cNvSpPr txBox="1"/>
      </xdr:nvSpPr>
      <xdr:spPr>
        <a:xfrm>
          <a:off x="6712027" y="99390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59</xdr:row>
      <xdr:rowOff>26505</xdr:rowOff>
    </xdr:from>
    <xdr:ext cx="469744" cy="259045"/>
    <xdr:sp macro="" textlink="">
      <xdr:nvSpPr>
        <xdr:cNvPr id="265" name="n_4mainValue【体育館・プール】&#10;一人当たり面積"/>
        <xdr:cNvSpPr txBox="1"/>
      </xdr:nvSpPr>
      <xdr:spPr>
        <a:xfrm>
          <a:off x="5937327" y="99172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xdr:cNvSpPr/>
      </xdr:nvSpPr>
      <xdr:spPr>
        <a:xfrm>
          <a:off x="67056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xdr:cNvSpPr/>
      </xdr:nvSpPr>
      <xdr:spPr>
        <a:xfrm>
          <a:off x="79756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xdr:cNvSpPr/>
      </xdr:nvSpPr>
      <xdr:spPr>
        <a:xfrm>
          <a:off x="79756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xdr:cNvSpPr/>
      </xdr:nvSpPr>
      <xdr:spPr>
        <a:xfrm>
          <a:off x="16764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xdr:cNvSpPr/>
      </xdr:nvSpPr>
      <xdr:spPr>
        <a:xfrm>
          <a:off x="16764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xdr:cNvSpPr/>
      </xdr:nvSpPr>
      <xdr:spPr>
        <a:xfrm>
          <a:off x="26822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xdr:cNvSpPr/>
      </xdr:nvSpPr>
      <xdr:spPr>
        <a:xfrm>
          <a:off x="26822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xdr:cNvSpPr/>
      </xdr:nvSpPr>
      <xdr:spPr>
        <a:xfrm>
          <a:off x="670560" y="1266825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xdr:cNvSpPr txBox="1"/>
      </xdr:nvSpPr>
      <xdr:spPr>
        <a:xfrm>
          <a:off x="655320" y="124815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xdr:cNvCxnSpPr/>
      </xdr:nvCxnSpPr>
      <xdr:spPr>
        <a:xfrm>
          <a:off x="670560" y="149047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76" name="テキスト ボックス 275"/>
        <xdr:cNvSpPr txBox="1"/>
      </xdr:nvSpPr>
      <xdr:spPr>
        <a:xfrm>
          <a:off x="336081" y="147624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xdr:cNvCxnSpPr/>
      </xdr:nvCxnSpPr>
      <xdr:spPr>
        <a:xfrm>
          <a:off x="670560" y="145313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78" name="テキスト ボックス 277"/>
        <xdr:cNvSpPr txBox="1"/>
      </xdr:nvSpPr>
      <xdr:spPr>
        <a:xfrm>
          <a:off x="336081" y="143929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xdr:cNvCxnSpPr/>
      </xdr:nvCxnSpPr>
      <xdr:spPr>
        <a:xfrm>
          <a:off x="670560" y="141579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xdr:cNvSpPr txBox="1"/>
      </xdr:nvSpPr>
      <xdr:spPr>
        <a:xfrm>
          <a:off x="336081" y="140195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xdr:cNvCxnSpPr/>
      </xdr:nvCxnSpPr>
      <xdr:spPr>
        <a:xfrm>
          <a:off x="670560" y="137845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xdr:cNvSpPr txBox="1"/>
      </xdr:nvSpPr>
      <xdr:spPr>
        <a:xfrm>
          <a:off x="336081" y="136461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xdr:cNvCxnSpPr/>
      </xdr:nvCxnSpPr>
      <xdr:spPr>
        <a:xfrm>
          <a:off x="670560" y="134112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xdr:cNvSpPr txBox="1"/>
      </xdr:nvSpPr>
      <xdr:spPr>
        <a:xfrm>
          <a:off x="336081" y="132727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xdr:cNvCxnSpPr/>
      </xdr:nvCxnSpPr>
      <xdr:spPr>
        <a:xfrm>
          <a:off x="670560" y="130416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xdr:cNvSpPr txBox="1"/>
      </xdr:nvSpPr>
      <xdr:spPr>
        <a:xfrm>
          <a:off x="336081" y="129032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xdr:cNvCxnSpPr/>
      </xdr:nvCxnSpPr>
      <xdr:spPr>
        <a:xfrm>
          <a:off x="670560" y="126682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88" name="テキスト ボックス 287"/>
        <xdr:cNvSpPr txBox="1"/>
      </xdr:nvSpPr>
      <xdr:spPr>
        <a:xfrm>
          <a:off x="336081" y="125298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xdr:cNvSpPr/>
      </xdr:nvSpPr>
      <xdr:spPr>
        <a:xfrm>
          <a:off x="670560" y="1266825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64770</xdr:rowOff>
    </xdr:from>
    <xdr:to>
      <xdr:col>24</xdr:col>
      <xdr:colOff>62865</xdr:colOff>
      <xdr:row>85</xdr:row>
      <xdr:rowOff>163830</xdr:rowOff>
    </xdr:to>
    <xdr:cxnSp macro="">
      <xdr:nvCxnSpPr>
        <xdr:cNvPr id="290" name="直線コネクタ 289"/>
        <xdr:cNvCxnSpPr/>
      </xdr:nvCxnSpPr>
      <xdr:spPr>
        <a:xfrm flipV="1">
          <a:off x="4086225" y="12973050"/>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5</xdr:row>
      <xdr:rowOff>167657</xdr:rowOff>
    </xdr:from>
    <xdr:ext cx="405111" cy="259045"/>
    <xdr:sp macro="" textlink="">
      <xdr:nvSpPr>
        <xdr:cNvPr id="291" name="【福祉施設】&#10;有形固定資産減価償却率最小値テキスト"/>
        <xdr:cNvSpPr txBox="1"/>
      </xdr:nvSpPr>
      <xdr:spPr>
        <a:xfrm>
          <a:off x="4124960" y="14417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5</xdr:row>
      <xdr:rowOff>163830</xdr:rowOff>
    </xdr:from>
    <xdr:to>
      <xdr:col>24</xdr:col>
      <xdr:colOff>152400</xdr:colOff>
      <xdr:row>85</xdr:row>
      <xdr:rowOff>163830</xdr:rowOff>
    </xdr:to>
    <xdr:cxnSp macro="">
      <xdr:nvCxnSpPr>
        <xdr:cNvPr id="292" name="直線コネクタ 291"/>
        <xdr:cNvCxnSpPr/>
      </xdr:nvCxnSpPr>
      <xdr:spPr>
        <a:xfrm>
          <a:off x="4020820" y="1441323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1447</xdr:rowOff>
    </xdr:from>
    <xdr:ext cx="405111" cy="259045"/>
    <xdr:sp macro="" textlink="">
      <xdr:nvSpPr>
        <xdr:cNvPr id="293" name="【福祉施設】&#10;有形固定資産減価償却率最大値テキスト"/>
        <xdr:cNvSpPr txBox="1"/>
      </xdr:nvSpPr>
      <xdr:spPr>
        <a:xfrm>
          <a:off x="4124960" y="12752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64770</xdr:rowOff>
    </xdr:from>
    <xdr:to>
      <xdr:col>24</xdr:col>
      <xdr:colOff>152400</xdr:colOff>
      <xdr:row>77</xdr:row>
      <xdr:rowOff>64770</xdr:rowOff>
    </xdr:to>
    <xdr:cxnSp macro="">
      <xdr:nvCxnSpPr>
        <xdr:cNvPr id="294" name="直線コネクタ 293"/>
        <xdr:cNvCxnSpPr/>
      </xdr:nvCxnSpPr>
      <xdr:spPr>
        <a:xfrm>
          <a:off x="4020820" y="1297305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54957</xdr:rowOff>
    </xdr:from>
    <xdr:ext cx="405111" cy="259045"/>
    <xdr:sp macro="" textlink="">
      <xdr:nvSpPr>
        <xdr:cNvPr id="295" name="【福祉施設】&#10;有形固定資産減価償却率平均値テキスト"/>
        <xdr:cNvSpPr txBox="1"/>
      </xdr:nvSpPr>
      <xdr:spPr>
        <a:xfrm>
          <a:off x="4124960" y="13566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32080</xdr:rowOff>
    </xdr:from>
    <xdr:to>
      <xdr:col>24</xdr:col>
      <xdr:colOff>114300</xdr:colOff>
      <xdr:row>82</xdr:row>
      <xdr:rowOff>62230</xdr:rowOff>
    </xdr:to>
    <xdr:sp macro="" textlink="">
      <xdr:nvSpPr>
        <xdr:cNvPr id="296" name="フローチャート: 判断 295"/>
        <xdr:cNvSpPr/>
      </xdr:nvSpPr>
      <xdr:spPr>
        <a:xfrm>
          <a:off x="4036060" y="137109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05411</xdr:rowOff>
    </xdr:from>
    <xdr:to>
      <xdr:col>20</xdr:col>
      <xdr:colOff>38100</xdr:colOff>
      <xdr:row>82</xdr:row>
      <xdr:rowOff>35561</xdr:rowOff>
    </xdr:to>
    <xdr:sp macro="" textlink="">
      <xdr:nvSpPr>
        <xdr:cNvPr id="297" name="フローチャート: 判断 296"/>
        <xdr:cNvSpPr/>
      </xdr:nvSpPr>
      <xdr:spPr>
        <a:xfrm>
          <a:off x="3312160" y="1368425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25400</xdr:rowOff>
    </xdr:from>
    <xdr:to>
      <xdr:col>15</xdr:col>
      <xdr:colOff>101600</xdr:colOff>
      <xdr:row>81</xdr:row>
      <xdr:rowOff>127000</xdr:rowOff>
    </xdr:to>
    <xdr:sp macro="" textlink="">
      <xdr:nvSpPr>
        <xdr:cNvPr id="298" name="フローチャート: 判断 297"/>
        <xdr:cNvSpPr/>
      </xdr:nvSpPr>
      <xdr:spPr>
        <a:xfrm>
          <a:off x="2514600" y="13604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147320</xdr:rowOff>
    </xdr:from>
    <xdr:to>
      <xdr:col>10</xdr:col>
      <xdr:colOff>165100</xdr:colOff>
      <xdr:row>81</xdr:row>
      <xdr:rowOff>77470</xdr:rowOff>
    </xdr:to>
    <xdr:sp macro="" textlink="">
      <xdr:nvSpPr>
        <xdr:cNvPr id="299" name="フローチャート: 判断 298"/>
        <xdr:cNvSpPr/>
      </xdr:nvSpPr>
      <xdr:spPr>
        <a:xfrm>
          <a:off x="1739900" y="135585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55880</xdr:rowOff>
    </xdr:from>
    <xdr:to>
      <xdr:col>6</xdr:col>
      <xdr:colOff>38100</xdr:colOff>
      <xdr:row>81</xdr:row>
      <xdr:rowOff>157480</xdr:rowOff>
    </xdr:to>
    <xdr:sp macro="" textlink="">
      <xdr:nvSpPr>
        <xdr:cNvPr id="300" name="フローチャート: 判断 299"/>
        <xdr:cNvSpPr/>
      </xdr:nvSpPr>
      <xdr:spPr>
        <a:xfrm>
          <a:off x="965200" y="1363472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xdr:cNvSpPr txBox="1"/>
      </xdr:nvSpPr>
      <xdr:spPr>
        <a:xfrm>
          <a:off x="391922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xdr:cNvSpPr txBox="1"/>
      </xdr:nvSpPr>
      <xdr:spPr>
        <a:xfrm>
          <a:off x="3187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xdr:cNvSpPr txBox="1"/>
      </xdr:nvSpPr>
      <xdr:spPr>
        <a:xfrm>
          <a:off x="23977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xdr:cNvSpPr txBox="1"/>
      </xdr:nvSpPr>
      <xdr:spPr>
        <a:xfrm>
          <a:off x="16230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xdr:cNvSpPr txBox="1"/>
      </xdr:nvSpPr>
      <xdr:spPr>
        <a:xfrm>
          <a:off x="8407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4</xdr:row>
      <xdr:rowOff>33020</xdr:rowOff>
    </xdr:from>
    <xdr:to>
      <xdr:col>24</xdr:col>
      <xdr:colOff>114300</xdr:colOff>
      <xdr:row>84</xdr:row>
      <xdr:rowOff>134620</xdr:rowOff>
    </xdr:to>
    <xdr:sp macro="" textlink="">
      <xdr:nvSpPr>
        <xdr:cNvPr id="306" name="楕円 305"/>
        <xdr:cNvSpPr/>
      </xdr:nvSpPr>
      <xdr:spPr>
        <a:xfrm>
          <a:off x="4036060" y="1411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4</xdr:row>
      <xdr:rowOff>11447</xdr:rowOff>
    </xdr:from>
    <xdr:ext cx="405111" cy="259045"/>
    <xdr:sp macro="" textlink="">
      <xdr:nvSpPr>
        <xdr:cNvPr id="307" name="【福祉施設】&#10;有形固定資産減価償却率該当値テキスト"/>
        <xdr:cNvSpPr txBox="1"/>
      </xdr:nvSpPr>
      <xdr:spPr>
        <a:xfrm>
          <a:off x="4124960" y="1409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151130</xdr:rowOff>
    </xdr:from>
    <xdr:to>
      <xdr:col>20</xdr:col>
      <xdr:colOff>38100</xdr:colOff>
      <xdr:row>84</xdr:row>
      <xdr:rowOff>81280</xdr:rowOff>
    </xdr:to>
    <xdr:sp macro="" textlink="">
      <xdr:nvSpPr>
        <xdr:cNvPr id="308" name="楕円 307"/>
        <xdr:cNvSpPr/>
      </xdr:nvSpPr>
      <xdr:spPr>
        <a:xfrm>
          <a:off x="3312160" y="1406525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4</xdr:row>
      <xdr:rowOff>30480</xdr:rowOff>
    </xdr:from>
    <xdr:to>
      <xdr:col>24</xdr:col>
      <xdr:colOff>63500</xdr:colOff>
      <xdr:row>84</xdr:row>
      <xdr:rowOff>83820</xdr:rowOff>
    </xdr:to>
    <xdr:cxnSp macro="">
      <xdr:nvCxnSpPr>
        <xdr:cNvPr id="309" name="直線コネクタ 308"/>
        <xdr:cNvCxnSpPr/>
      </xdr:nvCxnSpPr>
      <xdr:spPr>
        <a:xfrm>
          <a:off x="3355340" y="14112240"/>
          <a:ext cx="73152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09220</xdr:rowOff>
    </xdr:from>
    <xdr:to>
      <xdr:col>15</xdr:col>
      <xdr:colOff>101600</xdr:colOff>
      <xdr:row>84</xdr:row>
      <xdr:rowOff>39370</xdr:rowOff>
    </xdr:to>
    <xdr:sp macro="" textlink="">
      <xdr:nvSpPr>
        <xdr:cNvPr id="310" name="楕円 309"/>
        <xdr:cNvSpPr/>
      </xdr:nvSpPr>
      <xdr:spPr>
        <a:xfrm>
          <a:off x="2514600" y="140233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60020</xdr:rowOff>
    </xdr:from>
    <xdr:to>
      <xdr:col>19</xdr:col>
      <xdr:colOff>177800</xdr:colOff>
      <xdr:row>84</xdr:row>
      <xdr:rowOff>30480</xdr:rowOff>
    </xdr:to>
    <xdr:cxnSp macro="">
      <xdr:nvCxnSpPr>
        <xdr:cNvPr id="311" name="直線コネクタ 310"/>
        <xdr:cNvCxnSpPr/>
      </xdr:nvCxnSpPr>
      <xdr:spPr>
        <a:xfrm>
          <a:off x="2565400" y="14074140"/>
          <a:ext cx="78994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63500</xdr:rowOff>
    </xdr:from>
    <xdr:to>
      <xdr:col>10</xdr:col>
      <xdr:colOff>165100</xdr:colOff>
      <xdr:row>83</xdr:row>
      <xdr:rowOff>165100</xdr:rowOff>
    </xdr:to>
    <xdr:sp macro="" textlink="">
      <xdr:nvSpPr>
        <xdr:cNvPr id="312" name="楕円 311"/>
        <xdr:cNvSpPr/>
      </xdr:nvSpPr>
      <xdr:spPr>
        <a:xfrm>
          <a:off x="1739900" y="1397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114300</xdr:rowOff>
    </xdr:from>
    <xdr:to>
      <xdr:col>15</xdr:col>
      <xdr:colOff>50800</xdr:colOff>
      <xdr:row>83</xdr:row>
      <xdr:rowOff>160020</xdr:rowOff>
    </xdr:to>
    <xdr:cxnSp macro="">
      <xdr:nvCxnSpPr>
        <xdr:cNvPr id="313" name="直線コネクタ 312"/>
        <xdr:cNvCxnSpPr/>
      </xdr:nvCxnSpPr>
      <xdr:spPr>
        <a:xfrm>
          <a:off x="1790700" y="14028420"/>
          <a:ext cx="7747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32080</xdr:rowOff>
    </xdr:from>
    <xdr:to>
      <xdr:col>6</xdr:col>
      <xdr:colOff>38100</xdr:colOff>
      <xdr:row>83</xdr:row>
      <xdr:rowOff>62230</xdr:rowOff>
    </xdr:to>
    <xdr:sp macro="" textlink="">
      <xdr:nvSpPr>
        <xdr:cNvPr id="314" name="楕円 313"/>
        <xdr:cNvSpPr/>
      </xdr:nvSpPr>
      <xdr:spPr>
        <a:xfrm>
          <a:off x="965200" y="1387856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3</xdr:row>
      <xdr:rowOff>11430</xdr:rowOff>
    </xdr:from>
    <xdr:to>
      <xdr:col>10</xdr:col>
      <xdr:colOff>114300</xdr:colOff>
      <xdr:row>83</xdr:row>
      <xdr:rowOff>114300</xdr:rowOff>
    </xdr:to>
    <xdr:cxnSp macro="">
      <xdr:nvCxnSpPr>
        <xdr:cNvPr id="315" name="直線コネクタ 314"/>
        <xdr:cNvCxnSpPr/>
      </xdr:nvCxnSpPr>
      <xdr:spPr>
        <a:xfrm>
          <a:off x="1008380" y="13925550"/>
          <a:ext cx="78232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2088</xdr:rowOff>
    </xdr:from>
    <xdr:ext cx="405111" cy="259045"/>
    <xdr:sp macro="" textlink="">
      <xdr:nvSpPr>
        <xdr:cNvPr id="316" name="n_1aveValue【福祉施設】&#10;有形固定資産減価償却率"/>
        <xdr:cNvSpPr txBox="1"/>
      </xdr:nvSpPr>
      <xdr:spPr>
        <a:xfrm>
          <a:off x="3170564" y="13463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43527</xdr:rowOff>
    </xdr:from>
    <xdr:ext cx="405111" cy="259045"/>
    <xdr:sp macro="" textlink="">
      <xdr:nvSpPr>
        <xdr:cNvPr id="317" name="n_2aveValue【福祉施設】&#10;有形固定資産減価償却率"/>
        <xdr:cNvSpPr txBox="1"/>
      </xdr:nvSpPr>
      <xdr:spPr>
        <a:xfrm>
          <a:off x="2385704" y="1338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9</xdr:row>
      <xdr:rowOff>93997</xdr:rowOff>
    </xdr:from>
    <xdr:ext cx="405111" cy="259045"/>
    <xdr:sp macro="" textlink="">
      <xdr:nvSpPr>
        <xdr:cNvPr id="318" name="n_3aveValue【福祉施設】&#10;有形固定資産減価償却率"/>
        <xdr:cNvSpPr txBox="1"/>
      </xdr:nvSpPr>
      <xdr:spPr>
        <a:xfrm>
          <a:off x="1611004" y="13337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2557</xdr:rowOff>
    </xdr:from>
    <xdr:ext cx="405111" cy="259045"/>
    <xdr:sp macro="" textlink="">
      <xdr:nvSpPr>
        <xdr:cNvPr id="319" name="n_4aveValue【福祉施設】&#10;有形固定資産減価償却率"/>
        <xdr:cNvSpPr txBox="1"/>
      </xdr:nvSpPr>
      <xdr:spPr>
        <a:xfrm>
          <a:off x="836304" y="1341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72407</xdr:rowOff>
    </xdr:from>
    <xdr:ext cx="405111" cy="259045"/>
    <xdr:sp macro="" textlink="">
      <xdr:nvSpPr>
        <xdr:cNvPr id="320" name="n_1mainValue【福祉施設】&#10;有形固定資産減価償却率"/>
        <xdr:cNvSpPr txBox="1"/>
      </xdr:nvSpPr>
      <xdr:spPr>
        <a:xfrm>
          <a:off x="3170564" y="14154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30497</xdr:rowOff>
    </xdr:from>
    <xdr:ext cx="405111" cy="259045"/>
    <xdr:sp macro="" textlink="">
      <xdr:nvSpPr>
        <xdr:cNvPr id="321" name="n_2mainValue【福祉施設】&#10;有形固定資産減価償却率"/>
        <xdr:cNvSpPr txBox="1"/>
      </xdr:nvSpPr>
      <xdr:spPr>
        <a:xfrm>
          <a:off x="2385704" y="1411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56227</xdr:rowOff>
    </xdr:from>
    <xdr:ext cx="405111" cy="259045"/>
    <xdr:sp macro="" textlink="">
      <xdr:nvSpPr>
        <xdr:cNvPr id="322" name="n_3mainValue【福祉施設】&#10;有形固定資産減価償却率"/>
        <xdr:cNvSpPr txBox="1"/>
      </xdr:nvSpPr>
      <xdr:spPr>
        <a:xfrm>
          <a:off x="1611004" y="1407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53357</xdr:rowOff>
    </xdr:from>
    <xdr:ext cx="405111" cy="259045"/>
    <xdr:sp macro="" textlink="">
      <xdr:nvSpPr>
        <xdr:cNvPr id="323" name="n_4mainValue【福祉施設】&#10;有形固定資産減価償却率"/>
        <xdr:cNvSpPr txBox="1"/>
      </xdr:nvSpPr>
      <xdr:spPr>
        <a:xfrm>
          <a:off x="836304" y="13967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xdr:cNvSpPr/>
      </xdr:nvSpPr>
      <xdr:spPr>
        <a:xfrm>
          <a:off x="582676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xdr:cNvSpPr/>
      </xdr:nvSpPr>
      <xdr:spPr>
        <a:xfrm>
          <a:off x="59309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xdr:cNvSpPr/>
      </xdr:nvSpPr>
      <xdr:spPr>
        <a:xfrm>
          <a:off x="59309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xdr:cNvSpPr/>
      </xdr:nvSpPr>
      <xdr:spPr>
        <a:xfrm>
          <a:off x="68326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xdr:cNvSpPr/>
      </xdr:nvSpPr>
      <xdr:spPr>
        <a:xfrm>
          <a:off x="68326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xdr:cNvSpPr/>
      </xdr:nvSpPr>
      <xdr:spPr>
        <a:xfrm>
          <a:off x="7838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xdr:cNvSpPr/>
      </xdr:nvSpPr>
      <xdr:spPr>
        <a:xfrm>
          <a:off x="7838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xdr:cNvSpPr/>
      </xdr:nvSpPr>
      <xdr:spPr>
        <a:xfrm>
          <a:off x="5826760" y="1266825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xdr:cNvSpPr txBox="1"/>
      </xdr:nvSpPr>
      <xdr:spPr>
        <a:xfrm>
          <a:off x="5788660" y="124815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xdr:cNvCxnSpPr/>
      </xdr:nvCxnSpPr>
      <xdr:spPr>
        <a:xfrm>
          <a:off x="5826760" y="149047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4" name="直線コネクタ 333"/>
        <xdr:cNvCxnSpPr/>
      </xdr:nvCxnSpPr>
      <xdr:spPr>
        <a:xfrm>
          <a:off x="5826760" y="14585769"/>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5" name="テキスト ボックス 334"/>
        <xdr:cNvSpPr txBox="1"/>
      </xdr:nvSpPr>
      <xdr:spPr>
        <a:xfrm>
          <a:off x="5405301" y="1444354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6" name="直線コネクタ 335"/>
        <xdr:cNvCxnSpPr/>
      </xdr:nvCxnSpPr>
      <xdr:spPr>
        <a:xfrm>
          <a:off x="5826760" y="14263007"/>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7" name="テキスト ボックス 336"/>
        <xdr:cNvSpPr txBox="1"/>
      </xdr:nvSpPr>
      <xdr:spPr>
        <a:xfrm>
          <a:off x="5405301" y="1412459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8" name="直線コネクタ 337"/>
        <xdr:cNvCxnSpPr/>
      </xdr:nvCxnSpPr>
      <xdr:spPr>
        <a:xfrm>
          <a:off x="5826760" y="13944056"/>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9" name="テキスト ボックス 338"/>
        <xdr:cNvSpPr txBox="1"/>
      </xdr:nvSpPr>
      <xdr:spPr>
        <a:xfrm>
          <a:off x="5405301" y="1380564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0" name="直線コネクタ 339"/>
        <xdr:cNvCxnSpPr/>
      </xdr:nvCxnSpPr>
      <xdr:spPr>
        <a:xfrm>
          <a:off x="5826760" y="13625104"/>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1" name="テキスト ボックス 340"/>
        <xdr:cNvSpPr txBox="1"/>
      </xdr:nvSpPr>
      <xdr:spPr>
        <a:xfrm>
          <a:off x="5405301" y="134866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2" name="直線コネクタ 341"/>
        <xdr:cNvCxnSpPr/>
      </xdr:nvCxnSpPr>
      <xdr:spPr>
        <a:xfrm>
          <a:off x="5826760" y="13306153"/>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3" name="テキスト ボックス 342"/>
        <xdr:cNvSpPr txBox="1"/>
      </xdr:nvSpPr>
      <xdr:spPr>
        <a:xfrm>
          <a:off x="5405301" y="1316774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4" name="直線コネクタ 343"/>
        <xdr:cNvCxnSpPr/>
      </xdr:nvCxnSpPr>
      <xdr:spPr>
        <a:xfrm>
          <a:off x="5826760" y="12987201"/>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5" name="テキスト ボックス 344"/>
        <xdr:cNvSpPr txBox="1"/>
      </xdr:nvSpPr>
      <xdr:spPr>
        <a:xfrm>
          <a:off x="5405301" y="1284878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xdr:cNvCxnSpPr/>
      </xdr:nvCxnSpPr>
      <xdr:spPr>
        <a:xfrm>
          <a:off x="5826760" y="1266825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xdr:cNvSpPr txBox="1"/>
      </xdr:nvSpPr>
      <xdr:spPr>
        <a:xfrm>
          <a:off x="5405301" y="125298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xdr:cNvSpPr/>
      </xdr:nvSpPr>
      <xdr:spPr>
        <a:xfrm>
          <a:off x="5826760" y="1266825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7</xdr:row>
      <xdr:rowOff>163830</xdr:rowOff>
    </xdr:from>
    <xdr:to>
      <xdr:col>54</xdr:col>
      <xdr:colOff>189865</xdr:colOff>
      <xdr:row>86</xdr:row>
      <xdr:rowOff>149134</xdr:rowOff>
    </xdr:to>
    <xdr:cxnSp macro="">
      <xdr:nvCxnSpPr>
        <xdr:cNvPr id="349" name="直線コネクタ 348"/>
        <xdr:cNvCxnSpPr/>
      </xdr:nvCxnSpPr>
      <xdr:spPr>
        <a:xfrm flipV="1">
          <a:off x="9219565" y="13072110"/>
          <a:ext cx="0" cy="14940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2961</xdr:rowOff>
    </xdr:from>
    <xdr:ext cx="469744" cy="259045"/>
    <xdr:sp macro="" textlink="">
      <xdr:nvSpPr>
        <xdr:cNvPr id="350" name="【福祉施設】&#10;一人当たり面積最小値テキスト"/>
        <xdr:cNvSpPr txBox="1"/>
      </xdr:nvSpPr>
      <xdr:spPr>
        <a:xfrm>
          <a:off x="9258300" y="14570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49134</xdr:rowOff>
    </xdr:from>
    <xdr:to>
      <xdr:col>55</xdr:col>
      <xdr:colOff>88900</xdr:colOff>
      <xdr:row>86</xdr:row>
      <xdr:rowOff>149134</xdr:rowOff>
    </xdr:to>
    <xdr:cxnSp macro="">
      <xdr:nvCxnSpPr>
        <xdr:cNvPr id="351" name="直線コネクタ 350"/>
        <xdr:cNvCxnSpPr/>
      </xdr:nvCxnSpPr>
      <xdr:spPr>
        <a:xfrm>
          <a:off x="9154160" y="1456617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10507</xdr:rowOff>
    </xdr:from>
    <xdr:ext cx="469744" cy="259045"/>
    <xdr:sp macro="" textlink="">
      <xdr:nvSpPr>
        <xdr:cNvPr id="352" name="【福祉施設】&#10;一人当たり面積最大値テキスト"/>
        <xdr:cNvSpPr txBox="1"/>
      </xdr:nvSpPr>
      <xdr:spPr>
        <a:xfrm>
          <a:off x="9258300" y="12851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7</xdr:row>
      <xdr:rowOff>163830</xdr:rowOff>
    </xdr:from>
    <xdr:to>
      <xdr:col>55</xdr:col>
      <xdr:colOff>88900</xdr:colOff>
      <xdr:row>77</xdr:row>
      <xdr:rowOff>163830</xdr:rowOff>
    </xdr:to>
    <xdr:cxnSp macro="">
      <xdr:nvCxnSpPr>
        <xdr:cNvPr id="353" name="直線コネクタ 352"/>
        <xdr:cNvCxnSpPr/>
      </xdr:nvCxnSpPr>
      <xdr:spPr>
        <a:xfrm>
          <a:off x="9154160" y="1307211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35545</xdr:rowOff>
    </xdr:from>
    <xdr:ext cx="469744" cy="259045"/>
    <xdr:sp macro="" textlink="">
      <xdr:nvSpPr>
        <xdr:cNvPr id="354" name="【福祉施設】&#10;一人当たり面積平均値テキスト"/>
        <xdr:cNvSpPr txBox="1"/>
      </xdr:nvSpPr>
      <xdr:spPr>
        <a:xfrm>
          <a:off x="9258300" y="142173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118</xdr:rowOff>
    </xdr:from>
    <xdr:to>
      <xdr:col>55</xdr:col>
      <xdr:colOff>50800</xdr:colOff>
      <xdr:row>85</xdr:row>
      <xdr:rowOff>87268</xdr:rowOff>
    </xdr:to>
    <xdr:sp macro="" textlink="">
      <xdr:nvSpPr>
        <xdr:cNvPr id="355" name="フローチャート: 判断 354"/>
        <xdr:cNvSpPr/>
      </xdr:nvSpPr>
      <xdr:spPr>
        <a:xfrm>
          <a:off x="9192260" y="14238878"/>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995</xdr:rowOff>
    </xdr:from>
    <xdr:to>
      <xdr:col>50</xdr:col>
      <xdr:colOff>165100</xdr:colOff>
      <xdr:row>85</xdr:row>
      <xdr:rowOff>103595</xdr:rowOff>
    </xdr:to>
    <xdr:sp macro="" textlink="">
      <xdr:nvSpPr>
        <xdr:cNvPr id="356" name="フローチャート: 判断 355"/>
        <xdr:cNvSpPr/>
      </xdr:nvSpPr>
      <xdr:spPr>
        <a:xfrm>
          <a:off x="8445500" y="1425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21589</xdr:rowOff>
    </xdr:from>
    <xdr:to>
      <xdr:col>46</xdr:col>
      <xdr:colOff>38100</xdr:colOff>
      <xdr:row>85</xdr:row>
      <xdr:rowOff>123189</xdr:rowOff>
    </xdr:to>
    <xdr:sp macro="" textlink="">
      <xdr:nvSpPr>
        <xdr:cNvPr id="357" name="フローチャート: 判断 356"/>
        <xdr:cNvSpPr/>
      </xdr:nvSpPr>
      <xdr:spPr>
        <a:xfrm>
          <a:off x="7670800" y="14270989"/>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5262</xdr:rowOff>
    </xdr:from>
    <xdr:to>
      <xdr:col>41</xdr:col>
      <xdr:colOff>101600</xdr:colOff>
      <xdr:row>85</xdr:row>
      <xdr:rowOff>106862</xdr:rowOff>
    </xdr:to>
    <xdr:sp macro="" textlink="">
      <xdr:nvSpPr>
        <xdr:cNvPr id="358" name="フローチャート: 判断 357"/>
        <xdr:cNvSpPr/>
      </xdr:nvSpPr>
      <xdr:spPr>
        <a:xfrm>
          <a:off x="6873240" y="14254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77107</xdr:rowOff>
    </xdr:from>
    <xdr:to>
      <xdr:col>36</xdr:col>
      <xdr:colOff>165100</xdr:colOff>
      <xdr:row>86</xdr:row>
      <xdr:rowOff>7257</xdr:rowOff>
    </xdr:to>
    <xdr:sp macro="" textlink="">
      <xdr:nvSpPr>
        <xdr:cNvPr id="359" name="フローチャート: 判断 358"/>
        <xdr:cNvSpPr/>
      </xdr:nvSpPr>
      <xdr:spPr>
        <a:xfrm>
          <a:off x="6098540" y="1432650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xdr:cNvSpPr txBox="1"/>
      </xdr:nvSpPr>
      <xdr:spPr>
        <a:xfrm>
          <a:off x="90525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xdr:cNvSpPr txBox="1"/>
      </xdr:nvSpPr>
      <xdr:spPr>
        <a:xfrm>
          <a:off x="832866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xdr:cNvSpPr txBox="1"/>
      </xdr:nvSpPr>
      <xdr:spPr>
        <a:xfrm>
          <a:off x="754634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xdr:cNvSpPr txBox="1"/>
      </xdr:nvSpPr>
      <xdr:spPr>
        <a:xfrm>
          <a:off x="67564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xdr:cNvSpPr txBox="1"/>
      </xdr:nvSpPr>
      <xdr:spPr>
        <a:xfrm>
          <a:off x="5981700" y="14902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36286</xdr:rowOff>
    </xdr:from>
    <xdr:to>
      <xdr:col>55</xdr:col>
      <xdr:colOff>50800</xdr:colOff>
      <xdr:row>84</xdr:row>
      <xdr:rowOff>137886</xdr:rowOff>
    </xdr:to>
    <xdr:sp macro="" textlink="">
      <xdr:nvSpPr>
        <xdr:cNvPr id="365" name="楕円 364"/>
        <xdr:cNvSpPr/>
      </xdr:nvSpPr>
      <xdr:spPr>
        <a:xfrm>
          <a:off x="9192260" y="1411804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3</xdr:row>
      <xdr:rowOff>59163</xdr:rowOff>
    </xdr:from>
    <xdr:ext cx="469744" cy="259045"/>
    <xdr:sp macro="" textlink="">
      <xdr:nvSpPr>
        <xdr:cNvPr id="366" name="【福祉施設】&#10;一人当たり面積該当値テキスト"/>
        <xdr:cNvSpPr txBox="1"/>
      </xdr:nvSpPr>
      <xdr:spPr>
        <a:xfrm>
          <a:off x="9258300" y="13973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6692</xdr:rowOff>
    </xdr:from>
    <xdr:to>
      <xdr:col>50</xdr:col>
      <xdr:colOff>165100</xdr:colOff>
      <xdr:row>84</xdr:row>
      <xdr:rowOff>118292</xdr:rowOff>
    </xdr:to>
    <xdr:sp macro="" textlink="">
      <xdr:nvSpPr>
        <xdr:cNvPr id="367" name="楕円 366"/>
        <xdr:cNvSpPr/>
      </xdr:nvSpPr>
      <xdr:spPr>
        <a:xfrm>
          <a:off x="8445500" y="14098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67492</xdr:rowOff>
    </xdr:from>
    <xdr:to>
      <xdr:col>55</xdr:col>
      <xdr:colOff>0</xdr:colOff>
      <xdr:row>84</xdr:row>
      <xdr:rowOff>87086</xdr:rowOff>
    </xdr:to>
    <xdr:cxnSp macro="">
      <xdr:nvCxnSpPr>
        <xdr:cNvPr id="368" name="直線コネクタ 367"/>
        <xdr:cNvCxnSpPr/>
      </xdr:nvCxnSpPr>
      <xdr:spPr>
        <a:xfrm>
          <a:off x="8496300" y="14149252"/>
          <a:ext cx="723900" cy="195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0161</xdr:rowOff>
    </xdr:from>
    <xdr:to>
      <xdr:col>46</xdr:col>
      <xdr:colOff>38100</xdr:colOff>
      <xdr:row>84</xdr:row>
      <xdr:rowOff>111761</xdr:rowOff>
    </xdr:to>
    <xdr:sp macro="" textlink="">
      <xdr:nvSpPr>
        <xdr:cNvPr id="369" name="楕円 368"/>
        <xdr:cNvSpPr/>
      </xdr:nvSpPr>
      <xdr:spPr>
        <a:xfrm>
          <a:off x="7670800" y="14091921"/>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60961</xdr:rowOff>
    </xdr:from>
    <xdr:to>
      <xdr:col>50</xdr:col>
      <xdr:colOff>114300</xdr:colOff>
      <xdr:row>84</xdr:row>
      <xdr:rowOff>67492</xdr:rowOff>
    </xdr:to>
    <xdr:cxnSp macro="">
      <xdr:nvCxnSpPr>
        <xdr:cNvPr id="370" name="直線コネクタ 369"/>
        <xdr:cNvCxnSpPr/>
      </xdr:nvCxnSpPr>
      <xdr:spPr>
        <a:xfrm>
          <a:off x="7713980" y="14142721"/>
          <a:ext cx="78232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363</xdr:rowOff>
    </xdr:from>
    <xdr:to>
      <xdr:col>41</xdr:col>
      <xdr:colOff>101600</xdr:colOff>
      <xdr:row>84</xdr:row>
      <xdr:rowOff>101963</xdr:rowOff>
    </xdr:to>
    <xdr:sp macro="" textlink="">
      <xdr:nvSpPr>
        <xdr:cNvPr id="371" name="楕円 370"/>
        <xdr:cNvSpPr/>
      </xdr:nvSpPr>
      <xdr:spPr>
        <a:xfrm>
          <a:off x="6873240" y="1408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51163</xdr:rowOff>
    </xdr:from>
    <xdr:to>
      <xdr:col>45</xdr:col>
      <xdr:colOff>177800</xdr:colOff>
      <xdr:row>84</xdr:row>
      <xdr:rowOff>60961</xdr:rowOff>
    </xdr:to>
    <xdr:cxnSp macro="">
      <xdr:nvCxnSpPr>
        <xdr:cNvPr id="372" name="直線コネクタ 371"/>
        <xdr:cNvCxnSpPr/>
      </xdr:nvCxnSpPr>
      <xdr:spPr>
        <a:xfrm>
          <a:off x="6924040" y="14132923"/>
          <a:ext cx="78994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363</xdr:rowOff>
    </xdr:from>
    <xdr:to>
      <xdr:col>36</xdr:col>
      <xdr:colOff>165100</xdr:colOff>
      <xdr:row>84</xdr:row>
      <xdr:rowOff>101963</xdr:rowOff>
    </xdr:to>
    <xdr:sp macro="" textlink="">
      <xdr:nvSpPr>
        <xdr:cNvPr id="373" name="楕円 372"/>
        <xdr:cNvSpPr/>
      </xdr:nvSpPr>
      <xdr:spPr>
        <a:xfrm>
          <a:off x="6098540" y="1408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4</xdr:row>
      <xdr:rowOff>51163</xdr:rowOff>
    </xdr:from>
    <xdr:to>
      <xdr:col>41</xdr:col>
      <xdr:colOff>50800</xdr:colOff>
      <xdr:row>84</xdr:row>
      <xdr:rowOff>51163</xdr:rowOff>
    </xdr:to>
    <xdr:cxnSp macro="">
      <xdr:nvCxnSpPr>
        <xdr:cNvPr id="374" name="直線コネクタ 373"/>
        <xdr:cNvCxnSpPr/>
      </xdr:nvCxnSpPr>
      <xdr:spPr>
        <a:xfrm>
          <a:off x="6149340" y="14132923"/>
          <a:ext cx="7747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94722</xdr:rowOff>
    </xdr:from>
    <xdr:ext cx="469744" cy="259045"/>
    <xdr:sp macro="" textlink="">
      <xdr:nvSpPr>
        <xdr:cNvPr id="375" name="n_1aveValue【福祉施設】&#10;一人当たり面積"/>
        <xdr:cNvSpPr txBox="1"/>
      </xdr:nvSpPr>
      <xdr:spPr>
        <a:xfrm>
          <a:off x="8271587" y="143441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14316</xdr:rowOff>
    </xdr:from>
    <xdr:ext cx="469744" cy="259045"/>
    <xdr:sp macro="" textlink="">
      <xdr:nvSpPr>
        <xdr:cNvPr id="376" name="n_2aveValue【福祉施設】&#10;一人当たり面積"/>
        <xdr:cNvSpPr txBox="1"/>
      </xdr:nvSpPr>
      <xdr:spPr>
        <a:xfrm>
          <a:off x="7509587" y="143637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97989</xdr:rowOff>
    </xdr:from>
    <xdr:ext cx="469744" cy="259045"/>
    <xdr:sp macro="" textlink="">
      <xdr:nvSpPr>
        <xdr:cNvPr id="377" name="n_3aveValue【福祉施設】&#10;一人当たり面積"/>
        <xdr:cNvSpPr txBox="1"/>
      </xdr:nvSpPr>
      <xdr:spPr>
        <a:xfrm>
          <a:off x="6712027" y="14347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169834</xdr:rowOff>
    </xdr:from>
    <xdr:ext cx="469744" cy="259045"/>
    <xdr:sp macro="" textlink="">
      <xdr:nvSpPr>
        <xdr:cNvPr id="378" name="n_4aveValue【福祉施設】&#10;一人当たり面積"/>
        <xdr:cNvSpPr txBox="1"/>
      </xdr:nvSpPr>
      <xdr:spPr>
        <a:xfrm>
          <a:off x="5937327" y="144192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34819</xdr:rowOff>
    </xdr:from>
    <xdr:ext cx="469744" cy="259045"/>
    <xdr:sp macro="" textlink="">
      <xdr:nvSpPr>
        <xdr:cNvPr id="379" name="n_1mainValue【福祉施設】&#10;一人当たり面積"/>
        <xdr:cNvSpPr txBox="1"/>
      </xdr:nvSpPr>
      <xdr:spPr>
        <a:xfrm>
          <a:off x="8271587" y="138812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28288</xdr:rowOff>
    </xdr:from>
    <xdr:ext cx="469744" cy="259045"/>
    <xdr:sp macro="" textlink="">
      <xdr:nvSpPr>
        <xdr:cNvPr id="380" name="n_2mainValue【福祉施設】&#10;一人当たり面積"/>
        <xdr:cNvSpPr txBox="1"/>
      </xdr:nvSpPr>
      <xdr:spPr>
        <a:xfrm>
          <a:off x="7509587" y="13874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18490</xdr:rowOff>
    </xdr:from>
    <xdr:ext cx="469744" cy="259045"/>
    <xdr:sp macro="" textlink="">
      <xdr:nvSpPr>
        <xdr:cNvPr id="381" name="n_3mainValue【福祉施設】&#10;一人当たり面積"/>
        <xdr:cNvSpPr txBox="1"/>
      </xdr:nvSpPr>
      <xdr:spPr>
        <a:xfrm>
          <a:off x="6712027" y="1386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118490</xdr:rowOff>
    </xdr:from>
    <xdr:ext cx="469744" cy="259045"/>
    <xdr:sp macro="" textlink="">
      <xdr:nvSpPr>
        <xdr:cNvPr id="382" name="n_4mainValue【福祉施設】&#10;一人当たり面積"/>
        <xdr:cNvSpPr txBox="1"/>
      </xdr:nvSpPr>
      <xdr:spPr>
        <a:xfrm>
          <a:off x="5937327" y="13864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xdr:cNvSpPr/>
      </xdr:nvSpPr>
      <xdr:spPr>
        <a:xfrm>
          <a:off x="67056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xdr:cNvSpPr/>
      </xdr:nvSpPr>
      <xdr:spPr>
        <a:xfrm>
          <a:off x="79756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xdr:cNvSpPr/>
      </xdr:nvSpPr>
      <xdr:spPr>
        <a:xfrm>
          <a:off x="79756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xdr:cNvSpPr/>
      </xdr:nvSpPr>
      <xdr:spPr>
        <a:xfrm>
          <a:off x="16764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xdr:cNvSpPr/>
      </xdr:nvSpPr>
      <xdr:spPr>
        <a:xfrm>
          <a:off x="16764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xdr:cNvSpPr/>
      </xdr:nvSpPr>
      <xdr:spPr>
        <a:xfrm>
          <a:off x="2682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xdr:cNvSpPr/>
      </xdr:nvSpPr>
      <xdr:spPr>
        <a:xfrm>
          <a:off x="2682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xdr:cNvSpPr/>
      </xdr:nvSpPr>
      <xdr:spPr>
        <a:xfrm>
          <a:off x="67056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xdr:cNvSpPr txBox="1"/>
      </xdr:nvSpPr>
      <xdr:spPr>
        <a:xfrm>
          <a:off x="65532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xdr:cNvCxnSpPr/>
      </xdr:nvCxnSpPr>
      <xdr:spPr>
        <a:xfrm>
          <a:off x="67056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xdr:cNvSpPr txBox="1"/>
      </xdr:nvSpPr>
      <xdr:spPr>
        <a:xfrm>
          <a:off x="27196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xdr:cNvCxnSpPr/>
      </xdr:nvCxnSpPr>
      <xdr:spPr>
        <a:xfrm>
          <a:off x="670560" y="1825752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95" name="テキスト ボックス 394"/>
        <xdr:cNvSpPr txBox="1"/>
      </xdr:nvSpPr>
      <xdr:spPr>
        <a:xfrm>
          <a:off x="33608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xdr:cNvCxnSpPr/>
      </xdr:nvCxnSpPr>
      <xdr:spPr>
        <a:xfrm>
          <a:off x="670560" y="178841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xdr:cNvSpPr txBox="1"/>
      </xdr:nvSpPr>
      <xdr:spPr>
        <a:xfrm>
          <a:off x="33608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xdr:cNvCxnSpPr/>
      </xdr:nvCxnSpPr>
      <xdr:spPr>
        <a:xfrm>
          <a:off x="670560" y="175107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xdr:cNvSpPr txBox="1"/>
      </xdr:nvSpPr>
      <xdr:spPr>
        <a:xfrm>
          <a:off x="33608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xdr:cNvCxnSpPr/>
      </xdr:nvCxnSpPr>
      <xdr:spPr>
        <a:xfrm>
          <a:off x="670560" y="171373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xdr:cNvSpPr txBox="1"/>
      </xdr:nvSpPr>
      <xdr:spPr>
        <a:xfrm>
          <a:off x="33608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xdr:cNvCxnSpPr/>
      </xdr:nvCxnSpPr>
      <xdr:spPr>
        <a:xfrm>
          <a:off x="670560" y="167640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403" name="テキスト ボックス 402"/>
        <xdr:cNvSpPr txBox="1"/>
      </xdr:nvSpPr>
      <xdr:spPr>
        <a:xfrm>
          <a:off x="37734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xdr:cNvCxnSpPr/>
      </xdr:nvCxnSpPr>
      <xdr:spPr>
        <a:xfrm>
          <a:off x="67056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405" name="【市民会館】&#10;有形固定資産減価償却率グラフ枠"/>
        <xdr:cNvSpPr/>
      </xdr:nvSpPr>
      <xdr:spPr>
        <a:xfrm>
          <a:off x="67056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91439</xdr:rowOff>
    </xdr:from>
    <xdr:to>
      <xdr:col>24</xdr:col>
      <xdr:colOff>62865</xdr:colOff>
      <xdr:row>108</xdr:row>
      <xdr:rowOff>131445</xdr:rowOff>
    </xdr:to>
    <xdr:cxnSp macro="">
      <xdr:nvCxnSpPr>
        <xdr:cNvPr id="406" name="直線コネクタ 405"/>
        <xdr:cNvCxnSpPr/>
      </xdr:nvCxnSpPr>
      <xdr:spPr>
        <a:xfrm flipV="1">
          <a:off x="4086225" y="16855439"/>
          <a:ext cx="0" cy="13811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135272</xdr:rowOff>
    </xdr:from>
    <xdr:ext cx="405111" cy="259045"/>
    <xdr:sp macro="" textlink="">
      <xdr:nvSpPr>
        <xdr:cNvPr id="407" name="【市民会館】&#10;有形固定資産減価償却率最小値テキスト"/>
        <xdr:cNvSpPr txBox="1"/>
      </xdr:nvSpPr>
      <xdr:spPr>
        <a:xfrm>
          <a:off x="4124960" y="18240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31445</xdr:rowOff>
    </xdr:from>
    <xdr:to>
      <xdr:col>24</xdr:col>
      <xdr:colOff>152400</xdr:colOff>
      <xdr:row>108</xdr:row>
      <xdr:rowOff>131445</xdr:rowOff>
    </xdr:to>
    <xdr:cxnSp macro="">
      <xdr:nvCxnSpPr>
        <xdr:cNvPr id="408" name="直線コネクタ 407"/>
        <xdr:cNvCxnSpPr/>
      </xdr:nvCxnSpPr>
      <xdr:spPr>
        <a:xfrm>
          <a:off x="4020820" y="1823656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38116</xdr:rowOff>
    </xdr:from>
    <xdr:ext cx="340478" cy="259045"/>
    <xdr:sp macro="" textlink="">
      <xdr:nvSpPr>
        <xdr:cNvPr id="409" name="【市民会館】&#10;有形固定資産減価償却率最大値テキスト"/>
        <xdr:cNvSpPr txBox="1"/>
      </xdr:nvSpPr>
      <xdr:spPr>
        <a:xfrm>
          <a:off x="4124960" y="1663447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91439</xdr:rowOff>
    </xdr:from>
    <xdr:to>
      <xdr:col>24</xdr:col>
      <xdr:colOff>152400</xdr:colOff>
      <xdr:row>100</xdr:row>
      <xdr:rowOff>91439</xdr:rowOff>
    </xdr:to>
    <xdr:cxnSp macro="">
      <xdr:nvCxnSpPr>
        <xdr:cNvPr id="410" name="直線コネクタ 409"/>
        <xdr:cNvCxnSpPr/>
      </xdr:nvCxnSpPr>
      <xdr:spPr>
        <a:xfrm>
          <a:off x="4020820" y="168554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05427</xdr:rowOff>
    </xdr:from>
    <xdr:ext cx="405111" cy="259045"/>
    <xdr:sp macro="" textlink="">
      <xdr:nvSpPr>
        <xdr:cNvPr id="411" name="【市民会館】&#10;有形固定資産減価償却率平均値テキスト"/>
        <xdr:cNvSpPr txBox="1"/>
      </xdr:nvSpPr>
      <xdr:spPr>
        <a:xfrm>
          <a:off x="4124960" y="175399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82550</xdr:rowOff>
    </xdr:from>
    <xdr:to>
      <xdr:col>24</xdr:col>
      <xdr:colOff>114300</xdr:colOff>
      <xdr:row>106</xdr:row>
      <xdr:rowOff>12700</xdr:rowOff>
    </xdr:to>
    <xdr:sp macro="" textlink="">
      <xdr:nvSpPr>
        <xdr:cNvPr id="412" name="フローチャート: 判断 411"/>
        <xdr:cNvSpPr/>
      </xdr:nvSpPr>
      <xdr:spPr>
        <a:xfrm>
          <a:off x="4036060" y="176847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74930</xdr:rowOff>
    </xdr:from>
    <xdr:to>
      <xdr:col>20</xdr:col>
      <xdr:colOff>38100</xdr:colOff>
      <xdr:row>106</xdr:row>
      <xdr:rowOff>5080</xdr:rowOff>
    </xdr:to>
    <xdr:sp macro="" textlink="">
      <xdr:nvSpPr>
        <xdr:cNvPr id="413" name="フローチャート: 判断 412"/>
        <xdr:cNvSpPr/>
      </xdr:nvSpPr>
      <xdr:spPr>
        <a:xfrm>
          <a:off x="3312160" y="17677130"/>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31114</xdr:rowOff>
    </xdr:from>
    <xdr:to>
      <xdr:col>15</xdr:col>
      <xdr:colOff>101600</xdr:colOff>
      <xdr:row>105</xdr:row>
      <xdr:rowOff>132714</xdr:rowOff>
    </xdr:to>
    <xdr:sp macro="" textlink="">
      <xdr:nvSpPr>
        <xdr:cNvPr id="414" name="フローチャート: 判断 413"/>
        <xdr:cNvSpPr/>
      </xdr:nvSpPr>
      <xdr:spPr>
        <a:xfrm>
          <a:off x="2514600" y="1763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445</xdr:rowOff>
    </xdr:from>
    <xdr:to>
      <xdr:col>10</xdr:col>
      <xdr:colOff>165100</xdr:colOff>
      <xdr:row>105</xdr:row>
      <xdr:rowOff>106045</xdr:rowOff>
    </xdr:to>
    <xdr:sp macro="" textlink="">
      <xdr:nvSpPr>
        <xdr:cNvPr id="415" name="フローチャート: 判断 414"/>
        <xdr:cNvSpPr/>
      </xdr:nvSpPr>
      <xdr:spPr>
        <a:xfrm>
          <a:off x="1739900" y="1760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53975</xdr:rowOff>
    </xdr:from>
    <xdr:to>
      <xdr:col>6</xdr:col>
      <xdr:colOff>38100</xdr:colOff>
      <xdr:row>105</xdr:row>
      <xdr:rowOff>155575</xdr:rowOff>
    </xdr:to>
    <xdr:sp macro="" textlink="">
      <xdr:nvSpPr>
        <xdr:cNvPr id="416" name="フローチャート: 判断 415"/>
        <xdr:cNvSpPr/>
      </xdr:nvSpPr>
      <xdr:spPr>
        <a:xfrm>
          <a:off x="965200" y="17656175"/>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7" name="テキスト ボックス 416"/>
        <xdr:cNvSpPr txBox="1"/>
      </xdr:nvSpPr>
      <xdr:spPr>
        <a:xfrm>
          <a:off x="39192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8" name="テキスト ボックス 417"/>
        <xdr:cNvSpPr txBox="1"/>
      </xdr:nvSpPr>
      <xdr:spPr>
        <a:xfrm>
          <a:off x="3187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19" name="テキスト ボックス 418"/>
        <xdr:cNvSpPr txBox="1"/>
      </xdr:nvSpPr>
      <xdr:spPr>
        <a:xfrm>
          <a:off x="2397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0" name="テキスト ボックス 419"/>
        <xdr:cNvSpPr txBox="1"/>
      </xdr:nvSpPr>
      <xdr:spPr>
        <a:xfrm>
          <a:off x="16230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1" name="テキスト ボックス 420"/>
        <xdr:cNvSpPr txBox="1"/>
      </xdr:nvSpPr>
      <xdr:spPr>
        <a:xfrm>
          <a:off x="8407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141605</xdr:rowOff>
    </xdr:from>
    <xdr:to>
      <xdr:col>24</xdr:col>
      <xdr:colOff>114300</xdr:colOff>
      <xdr:row>108</xdr:row>
      <xdr:rowOff>71755</xdr:rowOff>
    </xdr:to>
    <xdr:sp macro="" textlink="">
      <xdr:nvSpPr>
        <xdr:cNvPr id="422" name="楕円 421"/>
        <xdr:cNvSpPr/>
      </xdr:nvSpPr>
      <xdr:spPr>
        <a:xfrm>
          <a:off x="4036060" y="1807908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56532</xdr:rowOff>
    </xdr:from>
    <xdr:ext cx="405111" cy="259045"/>
    <xdr:sp macro="" textlink="">
      <xdr:nvSpPr>
        <xdr:cNvPr id="423" name="【市民会館】&#10;有形固定資産減価償却率該当値テキスト"/>
        <xdr:cNvSpPr txBox="1"/>
      </xdr:nvSpPr>
      <xdr:spPr>
        <a:xfrm>
          <a:off x="4124960" y="17994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116839</xdr:rowOff>
    </xdr:from>
    <xdr:to>
      <xdr:col>20</xdr:col>
      <xdr:colOff>38100</xdr:colOff>
      <xdr:row>108</xdr:row>
      <xdr:rowOff>46989</xdr:rowOff>
    </xdr:to>
    <xdr:sp macro="" textlink="">
      <xdr:nvSpPr>
        <xdr:cNvPr id="424" name="楕円 423"/>
        <xdr:cNvSpPr/>
      </xdr:nvSpPr>
      <xdr:spPr>
        <a:xfrm>
          <a:off x="3312160" y="18054319"/>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67639</xdr:rowOff>
    </xdr:from>
    <xdr:to>
      <xdr:col>24</xdr:col>
      <xdr:colOff>63500</xdr:colOff>
      <xdr:row>108</xdr:row>
      <xdr:rowOff>20955</xdr:rowOff>
    </xdr:to>
    <xdr:cxnSp macro="">
      <xdr:nvCxnSpPr>
        <xdr:cNvPr id="425" name="直線コネクタ 424"/>
        <xdr:cNvCxnSpPr/>
      </xdr:nvCxnSpPr>
      <xdr:spPr>
        <a:xfrm>
          <a:off x="3355340" y="18105119"/>
          <a:ext cx="73152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78739</xdr:rowOff>
    </xdr:from>
    <xdr:to>
      <xdr:col>15</xdr:col>
      <xdr:colOff>101600</xdr:colOff>
      <xdr:row>108</xdr:row>
      <xdr:rowOff>8889</xdr:rowOff>
    </xdr:to>
    <xdr:sp macro="" textlink="">
      <xdr:nvSpPr>
        <xdr:cNvPr id="426" name="楕円 425"/>
        <xdr:cNvSpPr/>
      </xdr:nvSpPr>
      <xdr:spPr>
        <a:xfrm>
          <a:off x="2514600" y="18016219"/>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129539</xdr:rowOff>
    </xdr:from>
    <xdr:to>
      <xdr:col>19</xdr:col>
      <xdr:colOff>177800</xdr:colOff>
      <xdr:row>107</xdr:row>
      <xdr:rowOff>167639</xdr:rowOff>
    </xdr:to>
    <xdr:cxnSp macro="">
      <xdr:nvCxnSpPr>
        <xdr:cNvPr id="427" name="直線コネクタ 426"/>
        <xdr:cNvCxnSpPr/>
      </xdr:nvCxnSpPr>
      <xdr:spPr>
        <a:xfrm>
          <a:off x="2565400" y="18067019"/>
          <a:ext cx="78994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17780</xdr:rowOff>
    </xdr:from>
    <xdr:to>
      <xdr:col>10</xdr:col>
      <xdr:colOff>165100</xdr:colOff>
      <xdr:row>106</xdr:row>
      <xdr:rowOff>119380</xdr:rowOff>
    </xdr:to>
    <xdr:sp macro="" textlink="">
      <xdr:nvSpPr>
        <xdr:cNvPr id="428" name="楕円 427"/>
        <xdr:cNvSpPr/>
      </xdr:nvSpPr>
      <xdr:spPr>
        <a:xfrm>
          <a:off x="17399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6</xdr:row>
      <xdr:rowOff>68580</xdr:rowOff>
    </xdr:from>
    <xdr:to>
      <xdr:col>15</xdr:col>
      <xdr:colOff>50800</xdr:colOff>
      <xdr:row>107</xdr:row>
      <xdr:rowOff>129539</xdr:rowOff>
    </xdr:to>
    <xdr:cxnSp macro="">
      <xdr:nvCxnSpPr>
        <xdr:cNvPr id="429" name="直線コネクタ 428"/>
        <xdr:cNvCxnSpPr/>
      </xdr:nvCxnSpPr>
      <xdr:spPr>
        <a:xfrm>
          <a:off x="1790700" y="17838420"/>
          <a:ext cx="774700" cy="228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141605</xdr:rowOff>
    </xdr:from>
    <xdr:to>
      <xdr:col>6</xdr:col>
      <xdr:colOff>38100</xdr:colOff>
      <xdr:row>107</xdr:row>
      <xdr:rowOff>71755</xdr:rowOff>
    </xdr:to>
    <xdr:sp macro="" textlink="">
      <xdr:nvSpPr>
        <xdr:cNvPr id="430" name="楕円 429"/>
        <xdr:cNvSpPr/>
      </xdr:nvSpPr>
      <xdr:spPr>
        <a:xfrm>
          <a:off x="965200" y="1791144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68580</xdr:rowOff>
    </xdr:from>
    <xdr:to>
      <xdr:col>10</xdr:col>
      <xdr:colOff>114300</xdr:colOff>
      <xdr:row>107</xdr:row>
      <xdr:rowOff>20955</xdr:rowOff>
    </xdr:to>
    <xdr:cxnSp macro="">
      <xdr:nvCxnSpPr>
        <xdr:cNvPr id="431" name="直線コネクタ 430"/>
        <xdr:cNvCxnSpPr/>
      </xdr:nvCxnSpPr>
      <xdr:spPr>
        <a:xfrm flipV="1">
          <a:off x="1008380" y="17838420"/>
          <a:ext cx="782320" cy="1200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21607</xdr:rowOff>
    </xdr:from>
    <xdr:ext cx="405111" cy="259045"/>
    <xdr:sp macro="" textlink="">
      <xdr:nvSpPr>
        <xdr:cNvPr id="432" name="n_1aveValue【市民会館】&#10;有形固定資産減価償却率"/>
        <xdr:cNvSpPr txBox="1"/>
      </xdr:nvSpPr>
      <xdr:spPr>
        <a:xfrm>
          <a:off x="3170564" y="1745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49241</xdr:rowOff>
    </xdr:from>
    <xdr:ext cx="405111" cy="259045"/>
    <xdr:sp macro="" textlink="">
      <xdr:nvSpPr>
        <xdr:cNvPr id="433" name="n_2aveValue【市民会館】&#10;有形固定資産減価償却率"/>
        <xdr:cNvSpPr txBox="1"/>
      </xdr:nvSpPr>
      <xdr:spPr>
        <a:xfrm>
          <a:off x="2385704" y="17416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2572</xdr:rowOff>
    </xdr:from>
    <xdr:ext cx="405111" cy="259045"/>
    <xdr:sp macro="" textlink="">
      <xdr:nvSpPr>
        <xdr:cNvPr id="434" name="n_3aveValue【市民会館】&#10;有形固定資産減価償却率"/>
        <xdr:cNvSpPr txBox="1"/>
      </xdr:nvSpPr>
      <xdr:spPr>
        <a:xfrm>
          <a:off x="1611004" y="173894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652</xdr:rowOff>
    </xdr:from>
    <xdr:ext cx="405111" cy="259045"/>
    <xdr:sp macro="" textlink="">
      <xdr:nvSpPr>
        <xdr:cNvPr id="435" name="n_4aveValue【市民会館】&#10;有形固定資産減価償却率"/>
        <xdr:cNvSpPr txBox="1"/>
      </xdr:nvSpPr>
      <xdr:spPr>
        <a:xfrm>
          <a:off x="836304" y="1743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38116</xdr:rowOff>
    </xdr:from>
    <xdr:ext cx="405111" cy="259045"/>
    <xdr:sp macro="" textlink="">
      <xdr:nvSpPr>
        <xdr:cNvPr id="436" name="n_1mainValue【市民会館】&#10;有形固定資産減価償却率"/>
        <xdr:cNvSpPr txBox="1"/>
      </xdr:nvSpPr>
      <xdr:spPr>
        <a:xfrm>
          <a:off x="3170564" y="18143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16</xdr:rowOff>
    </xdr:from>
    <xdr:ext cx="405111" cy="259045"/>
    <xdr:sp macro="" textlink="">
      <xdr:nvSpPr>
        <xdr:cNvPr id="437" name="n_2mainValue【市民会館】&#10;有形固定資産減価償却率"/>
        <xdr:cNvSpPr txBox="1"/>
      </xdr:nvSpPr>
      <xdr:spPr>
        <a:xfrm>
          <a:off x="2385704" y="181051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110507</xdr:rowOff>
    </xdr:from>
    <xdr:ext cx="405111" cy="259045"/>
    <xdr:sp macro="" textlink="">
      <xdr:nvSpPr>
        <xdr:cNvPr id="438" name="n_3mainValue【市民会館】&#10;有形固定資産減価償却率"/>
        <xdr:cNvSpPr txBox="1"/>
      </xdr:nvSpPr>
      <xdr:spPr>
        <a:xfrm>
          <a:off x="1611004" y="1788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62882</xdr:rowOff>
    </xdr:from>
    <xdr:ext cx="405111" cy="259045"/>
    <xdr:sp macro="" textlink="">
      <xdr:nvSpPr>
        <xdr:cNvPr id="439" name="n_4mainValue【市民会館】&#10;有形固定資産減価償却率"/>
        <xdr:cNvSpPr txBox="1"/>
      </xdr:nvSpPr>
      <xdr:spPr>
        <a:xfrm>
          <a:off x="836304" y="1800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0" name="正方形/長方形 439"/>
        <xdr:cNvSpPr/>
      </xdr:nvSpPr>
      <xdr:spPr>
        <a:xfrm>
          <a:off x="582676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1" name="正方形/長方形 440"/>
        <xdr:cNvSpPr/>
      </xdr:nvSpPr>
      <xdr:spPr>
        <a:xfrm>
          <a:off x="59309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2" name="正方形/長方形 441"/>
        <xdr:cNvSpPr/>
      </xdr:nvSpPr>
      <xdr:spPr>
        <a:xfrm>
          <a:off x="59309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3" name="正方形/長方形 442"/>
        <xdr:cNvSpPr/>
      </xdr:nvSpPr>
      <xdr:spPr>
        <a:xfrm>
          <a:off x="683260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4" name="正方形/長方形 443"/>
        <xdr:cNvSpPr/>
      </xdr:nvSpPr>
      <xdr:spPr>
        <a:xfrm>
          <a:off x="683260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5" name="正方形/長方形 444"/>
        <xdr:cNvSpPr/>
      </xdr:nvSpPr>
      <xdr:spPr>
        <a:xfrm>
          <a:off x="7838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6" name="正方形/長方形 445"/>
        <xdr:cNvSpPr/>
      </xdr:nvSpPr>
      <xdr:spPr>
        <a:xfrm>
          <a:off x="7838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7" name="正方形/長方形 446"/>
        <xdr:cNvSpPr/>
      </xdr:nvSpPr>
      <xdr:spPr>
        <a:xfrm>
          <a:off x="582676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8" name="テキスト ボックス 447"/>
        <xdr:cNvSpPr txBox="1"/>
      </xdr:nvSpPr>
      <xdr:spPr>
        <a:xfrm>
          <a:off x="578866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49" name="直線コネクタ 448"/>
        <xdr:cNvCxnSpPr/>
      </xdr:nvCxnSpPr>
      <xdr:spPr>
        <a:xfrm>
          <a:off x="5826760" y="1862709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50" name="直線コネクタ 449"/>
        <xdr:cNvCxnSpPr/>
      </xdr:nvCxnSpPr>
      <xdr:spPr>
        <a:xfrm>
          <a:off x="5826760" y="1825752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51" name="テキスト ボックス 450"/>
        <xdr:cNvSpPr txBox="1"/>
      </xdr:nvSpPr>
      <xdr:spPr>
        <a:xfrm>
          <a:off x="5405301" y="1811529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52" name="直線コネクタ 451"/>
        <xdr:cNvCxnSpPr/>
      </xdr:nvCxnSpPr>
      <xdr:spPr>
        <a:xfrm>
          <a:off x="5826760" y="1788414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53" name="テキスト ボックス 452"/>
        <xdr:cNvSpPr txBox="1"/>
      </xdr:nvSpPr>
      <xdr:spPr>
        <a:xfrm>
          <a:off x="5405301" y="177457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54" name="直線コネクタ 453"/>
        <xdr:cNvCxnSpPr/>
      </xdr:nvCxnSpPr>
      <xdr:spPr>
        <a:xfrm>
          <a:off x="5826760" y="1751076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55" name="テキスト ボックス 454"/>
        <xdr:cNvSpPr txBox="1"/>
      </xdr:nvSpPr>
      <xdr:spPr>
        <a:xfrm>
          <a:off x="5405301" y="173723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56" name="直線コネクタ 455"/>
        <xdr:cNvCxnSpPr/>
      </xdr:nvCxnSpPr>
      <xdr:spPr>
        <a:xfrm>
          <a:off x="5826760" y="1713738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57" name="テキスト ボックス 456"/>
        <xdr:cNvSpPr txBox="1"/>
      </xdr:nvSpPr>
      <xdr:spPr>
        <a:xfrm>
          <a:off x="5405301" y="169989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58" name="直線コネクタ 457"/>
        <xdr:cNvCxnSpPr/>
      </xdr:nvCxnSpPr>
      <xdr:spPr>
        <a:xfrm>
          <a:off x="5826760" y="1676400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59" name="テキスト ボックス 458"/>
        <xdr:cNvSpPr txBox="1"/>
      </xdr:nvSpPr>
      <xdr:spPr>
        <a:xfrm>
          <a:off x="5405301" y="166255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60" name="直線コネクタ 459"/>
        <xdr:cNvCxnSpPr/>
      </xdr:nvCxnSpPr>
      <xdr:spPr>
        <a:xfrm>
          <a:off x="5826760" y="16394430"/>
          <a:ext cx="4114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1" name="テキスト ボックス 460"/>
        <xdr:cNvSpPr txBox="1"/>
      </xdr:nvSpPr>
      <xdr:spPr>
        <a:xfrm>
          <a:off x="540530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2" name="【市民会館】&#10;一人当たり面積グラフ枠"/>
        <xdr:cNvSpPr/>
      </xdr:nvSpPr>
      <xdr:spPr>
        <a:xfrm>
          <a:off x="582676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63" name="直線コネクタ 462"/>
        <xdr:cNvCxnSpPr/>
      </xdr:nvCxnSpPr>
      <xdr:spPr>
        <a:xfrm flipV="1">
          <a:off x="9219565" y="16817339"/>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64" name="【市民会館】&#10;一人当たり面積最小値テキスト"/>
        <xdr:cNvSpPr txBox="1"/>
      </xdr:nvSpPr>
      <xdr:spPr>
        <a:xfrm>
          <a:off x="9258300" y="181622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65" name="直線コネクタ 464"/>
        <xdr:cNvCxnSpPr/>
      </xdr:nvCxnSpPr>
      <xdr:spPr>
        <a:xfrm>
          <a:off x="9154160" y="1815845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66" name="【市民会館】&#10;一人当たり面積最大値テキスト"/>
        <xdr:cNvSpPr txBox="1"/>
      </xdr:nvSpPr>
      <xdr:spPr>
        <a:xfrm>
          <a:off x="9258300" y="16596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67" name="直線コネクタ 466"/>
        <xdr:cNvCxnSpPr/>
      </xdr:nvCxnSpPr>
      <xdr:spPr>
        <a:xfrm>
          <a:off x="9154160" y="16817339"/>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30497</xdr:rowOff>
    </xdr:from>
    <xdr:ext cx="469744" cy="259045"/>
    <xdr:sp macro="" textlink="">
      <xdr:nvSpPr>
        <xdr:cNvPr id="468" name="【市民会館】&#10;一人当たり面積平均値テキスト"/>
        <xdr:cNvSpPr txBox="1"/>
      </xdr:nvSpPr>
      <xdr:spPr>
        <a:xfrm>
          <a:off x="9258300" y="1763269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52070</xdr:rowOff>
    </xdr:from>
    <xdr:to>
      <xdr:col>55</xdr:col>
      <xdr:colOff>50800</xdr:colOff>
      <xdr:row>105</xdr:row>
      <xdr:rowOff>153670</xdr:rowOff>
    </xdr:to>
    <xdr:sp macro="" textlink="">
      <xdr:nvSpPr>
        <xdr:cNvPr id="469" name="フローチャート: 判断 468"/>
        <xdr:cNvSpPr/>
      </xdr:nvSpPr>
      <xdr:spPr>
        <a:xfrm>
          <a:off x="9192260" y="1765427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70" name="フローチャート: 判断 469"/>
        <xdr:cNvSpPr/>
      </xdr:nvSpPr>
      <xdr:spPr>
        <a:xfrm>
          <a:off x="8445500" y="17654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67311</xdr:rowOff>
    </xdr:from>
    <xdr:to>
      <xdr:col>46</xdr:col>
      <xdr:colOff>38100</xdr:colOff>
      <xdr:row>105</xdr:row>
      <xdr:rowOff>168911</xdr:rowOff>
    </xdr:to>
    <xdr:sp macro="" textlink="">
      <xdr:nvSpPr>
        <xdr:cNvPr id="471" name="フローチャート: 判断 470"/>
        <xdr:cNvSpPr/>
      </xdr:nvSpPr>
      <xdr:spPr>
        <a:xfrm>
          <a:off x="7670800" y="17669511"/>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4450</xdr:rowOff>
    </xdr:from>
    <xdr:to>
      <xdr:col>41</xdr:col>
      <xdr:colOff>101600</xdr:colOff>
      <xdr:row>105</xdr:row>
      <xdr:rowOff>146050</xdr:rowOff>
    </xdr:to>
    <xdr:sp macro="" textlink="">
      <xdr:nvSpPr>
        <xdr:cNvPr id="472" name="フローチャート: 判断 471"/>
        <xdr:cNvSpPr/>
      </xdr:nvSpPr>
      <xdr:spPr>
        <a:xfrm>
          <a:off x="6873240" y="1764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74930</xdr:rowOff>
    </xdr:from>
    <xdr:to>
      <xdr:col>36</xdr:col>
      <xdr:colOff>165100</xdr:colOff>
      <xdr:row>106</xdr:row>
      <xdr:rowOff>5080</xdr:rowOff>
    </xdr:to>
    <xdr:sp macro="" textlink="">
      <xdr:nvSpPr>
        <xdr:cNvPr id="473" name="フローチャート: 判断 472"/>
        <xdr:cNvSpPr/>
      </xdr:nvSpPr>
      <xdr:spPr>
        <a:xfrm>
          <a:off x="6098540" y="176771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4" name="テキスト ボックス 473"/>
        <xdr:cNvSpPr txBox="1"/>
      </xdr:nvSpPr>
      <xdr:spPr>
        <a:xfrm>
          <a:off x="90525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5" name="テキスト ボックス 474"/>
        <xdr:cNvSpPr txBox="1"/>
      </xdr:nvSpPr>
      <xdr:spPr>
        <a:xfrm>
          <a:off x="83286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6" name="テキスト ボックス 475"/>
        <xdr:cNvSpPr txBox="1"/>
      </xdr:nvSpPr>
      <xdr:spPr>
        <a:xfrm>
          <a:off x="75463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7" name="テキスト ボックス 476"/>
        <xdr:cNvSpPr txBox="1"/>
      </xdr:nvSpPr>
      <xdr:spPr>
        <a:xfrm>
          <a:off x="67564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8" name="テキスト ボックス 477"/>
        <xdr:cNvSpPr txBox="1"/>
      </xdr:nvSpPr>
      <xdr:spPr>
        <a:xfrm>
          <a:off x="59817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7780</xdr:rowOff>
    </xdr:from>
    <xdr:to>
      <xdr:col>55</xdr:col>
      <xdr:colOff>50800</xdr:colOff>
      <xdr:row>104</xdr:row>
      <xdr:rowOff>119380</xdr:rowOff>
    </xdr:to>
    <xdr:sp macro="" textlink="">
      <xdr:nvSpPr>
        <xdr:cNvPr id="479" name="楕円 478"/>
        <xdr:cNvSpPr/>
      </xdr:nvSpPr>
      <xdr:spPr>
        <a:xfrm>
          <a:off x="9192260" y="1745234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40657</xdr:rowOff>
    </xdr:from>
    <xdr:ext cx="469744" cy="259045"/>
    <xdr:sp macro="" textlink="">
      <xdr:nvSpPr>
        <xdr:cNvPr id="480" name="【市民会館】&#10;一人当たり面積該当値テキスト"/>
        <xdr:cNvSpPr txBox="1"/>
      </xdr:nvSpPr>
      <xdr:spPr>
        <a:xfrm>
          <a:off x="9258300" y="1730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0161</xdr:rowOff>
    </xdr:from>
    <xdr:to>
      <xdr:col>50</xdr:col>
      <xdr:colOff>165100</xdr:colOff>
      <xdr:row>104</xdr:row>
      <xdr:rowOff>111761</xdr:rowOff>
    </xdr:to>
    <xdr:sp macro="" textlink="">
      <xdr:nvSpPr>
        <xdr:cNvPr id="481" name="楕円 480"/>
        <xdr:cNvSpPr/>
      </xdr:nvSpPr>
      <xdr:spPr>
        <a:xfrm>
          <a:off x="8445500" y="17444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60961</xdr:rowOff>
    </xdr:from>
    <xdr:to>
      <xdr:col>55</xdr:col>
      <xdr:colOff>0</xdr:colOff>
      <xdr:row>104</xdr:row>
      <xdr:rowOff>68580</xdr:rowOff>
    </xdr:to>
    <xdr:cxnSp macro="">
      <xdr:nvCxnSpPr>
        <xdr:cNvPr id="482" name="直線コネクタ 481"/>
        <xdr:cNvCxnSpPr/>
      </xdr:nvCxnSpPr>
      <xdr:spPr>
        <a:xfrm>
          <a:off x="8496300" y="17495521"/>
          <a:ext cx="72390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4</xdr:row>
      <xdr:rowOff>2539</xdr:rowOff>
    </xdr:from>
    <xdr:to>
      <xdr:col>46</xdr:col>
      <xdr:colOff>38100</xdr:colOff>
      <xdr:row>104</xdr:row>
      <xdr:rowOff>104139</xdr:rowOff>
    </xdr:to>
    <xdr:sp macro="" textlink="">
      <xdr:nvSpPr>
        <xdr:cNvPr id="483" name="楕円 482"/>
        <xdr:cNvSpPr/>
      </xdr:nvSpPr>
      <xdr:spPr>
        <a:xfrm>
          <a:off x="7670800" y="17437099"/>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53339</xdr:rowOff>
    </xdr:from>
    <xdr:to>
      <xdr:col>50</xdr:col>
      <xdr:colOff>114300</xdr:colOff>
      <xdr:row>104</xdr:row>
      <xdr:rowOff>60961</xdr:rowOff>
    </xdr:to>
    <xdr:cxnSp macro="">
      <xdr:nvCxnSpPr>
        <xdr:cNvPr id="484" name="直線コネクタ 483"/>
        <xdr:cNvCxnSpPr/>
      </xdr:nvCxnSpPr>
      <xdr:spPr>
        <a:xfrm>
          <a:off x="7713980" y="17487899"/>
          <a:ext cx="78232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3</xdr:row>
      <xdr:rowOff>166370</xdr:rowOff>
    </xdr:from>
    <xdr:to>
      <xdr:col>41</xdr:col>
      <xdr:colOff>101600</xdr:colOff>
      <xdr:row>104</xdr:row>
      <xdr:rowOff>96520</xdr:rowOff>
    </xdr:to>
    <xdr:sp macro="" textlink="">
      <xdr:nvSpPr>
        <xdr:cNvPr id="485" name="楕円 484"/>
        <xdr:cNvSpPr/>
      </xdr:nvSpPr>
      <xdr:spPr>
        <a:xfrm>
          <a:off x="6873240" y="174332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45720</xdr:rowOff>
    </xdr:from>
    <xdr:to>
      <xdr:col>45</xdr:col>
      <xdr:colOff>177800</xdr:colOff>
      <xdr:row>104</xdr:row>
      <xdr:rowOff>53339</xdr:rowOff>
    </xdr:to>
    <xdr:cxnSp macro="">
      <xdr:nvCxnSpPr>
        <xdr:cNvPr id="486" name="直線コネクタ 485"/>
        <xdr:cNvCxnSpPr/>
      </xdr:nvCxnSpPr>
      <xdr:spPr>
        <a:xfrm>
          <a:off x="6924040" y="17480280"/>
          <a:ext cx="789940" cy="7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3</xdr:row>
      <xdr:rowOff>158750</xdr:rowOff>
    </xdr:from>
    <xdr:to>
      <xdr:col>36</xdr:col>
      <xdr:colOff>165100</xdr:colOff>
      <xdr:row>104</xdr:row>
      <xdr:rowOff>88900</xdr:rowOff>
    </xdr:to>
    <xdr:sp macro="" textlink="">
      <xdr:nvSpPr>
        <xdr:cNvPr id="487" name="楕円 486"/>
        <xdr:cNvSpPr/>
      </xdr:nvSpPr>
      <xdr:spPr>
        <a:xfrm>
          <a:off x="6098540" y="174256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4</xdr:row>
      <xdr:rowOff>38100</xdr:rowOff>
    </xdr:from>
    <xdr:to>
      <xdr:col>41</xdr:col>
      <xdr:colOff>50800</xdr:colOff>
      <xdr:row>104</xdr:row>
      <xdr:rowOff>45720</xdr:rowOff>
    </xdr:to>
    <xdr:cxnSp macro="">
      <xdr:nvCxnSpPr>
        <xdr:cNvPr id="488" name="直線コネクタ 487"/>
        <xdr:cNvCxnSpPr/>
      </xdr:nvCxnSpPr>
      <xdr:spPr>
        <a:xfrm>
          <a:off x="6149340" y="17472660"/>
          <a:ext cx="7747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44797</xdr:rowOff>
    </xdr:from>
    <xdr:ext cx="469744" cy="259045"/>
    <xdr:sp macro="" textlink="">
      <xdr:nvSpPr>
        <xdr:cNvPr id="489" name="n_1aveValue【市民会館】&#10;一人当たり面積"/>
        <xdr:cNvSpPr txBox="1"/>
      </xdr:nvSpPr>
      <xdr:spPr>
        <a:xfrm>
          <a:off x="8271587" y="17746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60038</xdr:rowOff>
    </xdr:from>
    <xdr:ext cx="469744" cy="259045"/>
    <xdr:sp macro="" textlink="">
      <xdr:nvSpPr>
        <xdr:cNvPr id="490" name="n_2aveValue【市民会館】&#10;一人当たり面積"/>
        <xdr:cNvSpPr txBox="1"/>
      </xdr:nvSpPr>
      <xdr:spPr>
        <a:xfrm>
          <a:off x="7509587" y="17762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37177</xdr:rowOff>
    </xdr:from>
    <xdr:ext cx="469744" cy="259045"/>
    <xdr:sp macro="" textlink="">
      <xdr:nvSpPr>
        <xdr:cNvPr id="491" name="n_3aveValue【市民会館】&#10;一人当たり面積"/>
        <xdr:cNvSpPr txBox="1"/>
      </xdr:nvSpPr>
      <xdr:spPr>
        <a:xfrm>
          <a:off x="6712027" y="17739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167657</xdr:rowOff>
    </xdr:from>
    <xdr:ext cx="469744" cy="259045"/>
    <xdr:sp macro="" textlink="">
      <xdr:nvSpPr>
        <xdr:cNvPr id="492" name="n_4aveValue【市民会館】&#10;一人当たり面積"/>
        <xdr:cNvSpPr txBox="1"/>
      </xdr:nvSpPr>
      <xdr:spPr>
        <a:xfrm>
          <a:off x="5937327" y="17769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2</xdr:row>
      <xdr:rowOff>128288</xdr:rowOff>
    </xdr:from>
    <xdr:ext cx="469744" cy="259045"/>
    <xdr:sp macro="" textlink="">
      <xdr:nvSpPr>
        <xdr:cNvPr id="493" name="n_1mainValue【市民会館】&#10;一人当たり面積"/>
        <xdr:cNvSpPr txBox="1"/>
      </xdr:nvSpPr>
      <xdr:spPr>
        <a:xfrm>
          <a:off x="8271587" y="172275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2</xdr:row>
      <xdr:rowOff>120666</xdr:rowOff>
    </xdr:from>
    <xdr:ext cx="469744" cy="259045"/>
    <xdr:sp macro="" textlink="">
      <xdr:nvSpPr>
        <xdr:cNvPr id="494" name="n_2mainValue【市民会館】&#10;一人当たり面積"/>
        <xdr:cNvSpPr txBox="1"/>
      </xdr:nvSpPr>
      <xdr:spPr>
        <a:xfrm>
          <a:off x="7509587" y="172199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2</xdr:row>
      <xdr:rowOff>113047</xdr:rowOff>
    </xdr:from>
    <xdr:ext cx="469744" cy="259045"/>
    <xdr:sp macro="" textlink="">
      <xdr:nvSpPr>
        <xdr:cNvPr id="495" name="n_3mainValue【市民会館】&#10;一人当たり面積"/>
        <xdr:cNvSpPr txBox="1"/>
      </xdr:nvSpPr>
      <xdr:spPr>
        <a:xfrm>
          <a:off x="6712027" y="1721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2</xdr:row>
      <xdr:rowOff>105427</xdr:rowOff>
    </xdr:from>
    <xdr:ext cx="469744" cy="259045"/>
    <xdr:sp macro="" textlink="">
      <xdr:nvSpPr>
        <xdr:cNvPr id="496" name="n_4mainValue【市民会館】&#10;一人当たり面積"/>
        <xdr:cNvSpPr txBox="1"/>
      </xdr:nvSpPr>
      <xdr:spPr>
        <a:xfrm>
          <a:off x="5937327" y="1720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7" name="正方形/長方形 496"/>
        <xdr:cNvSpPr/>
      </xdr:nvSpPr>
      <xdr:spPr>
        <a:xfrm>
          <a:off x="10960100" y="409956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8" name="正方形/長方形 497"/>
        <xdr:cNvSpPr/>
      </xdr:nvSpPr>
      <xdr:spPr>
        <a:xfrm>
          <a:off x="110642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9" name="正方形/長方形 498"/>
        <xdr:cNvSpPr/>
      </xdr:nvSpPr>
      <xdr:spPr>
        <a:xfrm>
          <a:off x="110642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500" name="正方形/長方形 499"/>
        <xdr:cNvSpPr/>
      </xdr:nvSpPr>
      <xdr:spPr>
        <a:xfrm>
          <a:off x="119659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1" name="正方形/長方形 500"/>
        <xdr:cNvSpPr/>
      </xdr:nvSpPr>
      <xdr:spPr>
        <a:xfrm>
          <a:off x="119659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2" name="正方形/長方形 501"/>
        <xdr:cNvSpPr/>
      </xdr:nvSpPr>
      <xdr:spPr>
        <a:xfrm>
          <a:off x="129717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3" name="正方形/長方形 502"/>
        <xdr:cNvSpPr/>
      </xdr:nvSpPr>
      <xdr:spPr>
        <a:xfrm>
          <a:off x="129717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4" name="正方形/長方形 503"/>
        <xdr:cNvSpPr/>
      </xdr:nvSpPr>
      <xdr:spPr>
        <a:xfrm>
          <a:off x="10960100" y="521589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5" name="テキスト ボックス 504"/>
        <xdr:cNvSpPr txBox="1"/>
      </xdr:nvSpPr>
      <xdr:spPr>
        <a:xfrm>
          <a:off x="10922000" y="50292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6" name="直線コネクタ 505"/>
        <xdr:cNvCxnSpPr/>
      </xdr:nvCxnSpPr>
      <xdr:spPr>
        <a:xfrm>
          <a:off x="10960100" y="74523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507" name="テキスト ボックス 506"/>
        <xdr:cNvSpPr txBox="1"/>
      </xdr:nvSpPr>
      <xdr:spPr>
        <a:xfrm>
          <a:off x="10602761" y="73139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508" name="直線コネクタ 507"/>
        <xdr:cNvCxnSpPr/>
      </xdr:nvCxnSpPr>
      <xdr:spPr>
        <a:xfrm>
          <a:off x="10960100" y="70065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509" name="テキスト ボックス 508"/>
        <xdr:cNvSpPr txBox="1"/>
      </xdr:nvSpPr>
      <xdr:spPr>
        <a:xfrm>
          <a:off x="10602761" y="6868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510" name="直線コネクタ 509"/>
        <xdr:cNvCxnSpPr/>
      </xdr:nvCxnSpPr>
      <xdr:spPr>
        <a:xfrm>
          <a:off x="10960100" y="655701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511" name="テキスト ボックス 510"/>
        <xdr:cNvSpPr txBox="1"/>
      </xdr:nvSpPr>
      <xdr:spPr>
        <a:xfrm>
          <a:off x="10602761" y="64185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512" name="直線コネクタ 511"/>
        <xdr:cNvCxnSpPr/>
      </xdr:nvCxnSpPr>
      <xdr:spPr>
        <a:xfrm>
          <a:off x="10960100" y="61112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513" name="テキスト ボックス 512"/>
        <xdr:cNvSpPr txBox="1"/>
      </xdr:nvSpPr>
      <xdr:spPr>
        <a:xfrm>
          <a:off x="10602761" y="59728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514" name="直線コネクタ 513"/>
        <xdr:cNvCxnSpPr/>
      </xdr:nvCxnSpPr>
      <xdr:spPr>
        <a:xfrm>
          <a:off x="10960100" y="56654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515" name="テキスト ボックス 514"/>
        <xdr:cNvSpPr txBox="1"/>
      </xdr:nvSpPr>
      <xdr:spPr>
        <a:xfrm>
          <a:off x="10602761" y="552705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6" name="直線コネクタ 515"/>
        <xdr:cNvCxnSpPr/>
      </xdr:nvCxnSpPr>
      <xdr:spPr>
        <a:xfrm>
          <a:off x="10960100" y="52158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517" name="テキスト ボックス 516"/>
        <xdr:cNvSpPr txBox="1"/>
      </xdr:nvSpPr>
      <xdr:spPr>
        <a:xfrm>
          <a:off x="10602761" y="50774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518" name="【一般廃棄物処理施設】&#10;有形固定資産減価償却率グラフ枠"/>
        <xdr:cNvSpPr/>
      </xdr:nvSpPr>
      <xdr:spPr>
        <a:xfrm>
          <a:off x="10960100" y="521589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41</xdr:row>
      <xdr:rowOff>32766</xdr:rowOff>
    </xdr:from>
    <xdr:to>
      <xdr:col>85</xdr:col>
      <xdr:colOff>126364</xdr:colOff>
      <xdr:row>41</xdr:row>
      <xdr:rowOff>37338</xdr:rowOff>
    </xdr:to>
    <xdr:cxnSp macro="">
      <xdr:nvCxnSpPr>
        <xdr:cNvPr id="519" name="直線コネクタ 518"/>
        <xdr:cNvCxnSpPr/>
      </xdr:nvCxnSpPr>
      <xdr:spPr>
        <a:xfrm flipV="1">
          <a:off x="14375764" y="6906006"/>
          <a:ext cx="0" cy="4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38193</xdr:rowOff>
    </xdr:from>
    <xdr:ext cx="405111" cy="259045"/>
    <xdr:sp macro="" textlink="">
      <xdr:nvSpPr>
        <xdr:cNvPr id="520" name="【一般廃棄物処理施設】&#10;有形固定資産減価償却率最小値テキスト"/>
        <xdr:cNvSpPr txBox="1"/>
      </xdr:nvSpPr>
      <xdr:spPr>
        <a:xfrm>
          <a:off x="14414500" y="7011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37338</xdr:rowOff>
    </xdr:from>
    <xdr:to>
      <xdr:col>86</xdr:col>
      <xdr:colOff>25400</xdr:colOff>
      <xdr:row>41</xdr:row>
      <xdr:rowOff>37338</xdr:rowOff>
    </xdr:to>
    <xdr:cxnSp macro="">
      <xdr:nvCxnSpPr>
        <xdr:cNvPr id="521" name="直線コネクタ 520"/>
        <xdr:cNvCxnSpPr/>
      </xdr:nvCxnSpPr>
      <xdr:spPr>
        <a:xfrm>
          <a:off x="14287500" y="6910578"/>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9</xdr:row>
      <xdr:rowOff>100093</xdr:rowOff>
    </xdr:from>
    <xdr:ext cx="405111" cy="259045"/>
    <xdr:sp macro="" textlink="">
      <xdr:nvSpPr>
        <xdr:cNvPr id="522" name="【一般廃棄物処理施設】&#10;有形固定資産減価償却率最大値テキスト"/>
        <xdr:cNvSpPr txBox="1"/>
      </xdr:nvSpPr>
      <xdr:spPr>
        <a:xfrm>
          <a:off x="14414500" y="66380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32766</xdr:rowOff>
    </xdr:from>
    <xdr:to>
      <xdr:col>86</xdr:col>
      <xdr:colOff>25400</xdr:colOff>
      <xdr:row>41</xdr:row>
      <xdr:rowOff>32766</xdr:rowOff>
    </xdr:to>
    <xdr:cxnSp macro="">
      <xdr:nvCxnSpPr>
        <xdr:cNvPr id="523" name="直線コネクタ 522"/>
        <xdr:cNvCxnSpPr/>
      </xdr:nvCxnSpPr>
      <xdr:spPr>
        <a:xfrm>
          <a:off x="14287500" y="690600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55643</xdr:rowOff>
    </xdr:from>
    <xdr:ext cx="405111" cy="259045"/>
    <xdr:sp macro="" textlink="">
      <xdr:nvSpPr>
        <xdr:cNvPr id="524" name="【一般廃棄物処理施設】&#10;有形固定資産減価償却率平均値テキスト"/>
        <xdr:cNvSpPr txBox="1"/>
      </xdr:nvSpPr>
      <xdr:spPr>
        <a:xfrm>
          <a:off x="14414500" y="676124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53416</xdr:rowOff>
    </xdr:from>
    <xdr:to>
      <xdr:col>85</xdr:col>
      <xdr:colOff>177800</xdr:colOff>
      <xdr:row>41</xdr:row>
      <xdr:rowOff>83566</xdr:rowOff>
    </xdr:to>
    <xdr:sp macro="" textlink="">
      <xdr:nvSpPr>
        <xdr:cNvPr id="525" name="フローチャート: 判断 524"/>
        <xdr:cNvSpPr/>
      </xdr:nvSpPr>
      <xdr:spPr>
        <a:xfrm>
          <a:off x="14325600" y="6859016"/>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34544</xdr:rowOff>
    </xdr:from>
    <xdr:to>
      <xdr:col>81</xdr:col>
      <xdr:colOff>101600</xdr:colOff>
      <xdr:row>40</xdr:row>
      <xdr:rowOff>136144</xdr:rowOff>
    </xdr:to>
    <xdr:sp macro="" textlink="">
      <xdr:nvSpPr>
        <xdr:cNvPr id="526" name="フローチャート: 判断 525"/>
        <xdr:cNvSpPr/>
      </xdr:nvSpPr>
      <xdr:spPr>
        <a:xfrm>
          <a:off x="13578840" y="6740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9</xdr:row>
      <xdr:rowOff>77978</xdr:rowOff>
    </xdr:from>
    <xdr:to>
      <xdr:col>76</xdr:col>
      <xdr:colOff>165100</xdr:colOff>
      <xdr:row>40</xdr:row>
      <xdr:rowOff>8128</xdr:rowOff>
    </xdr:to>
    <xdr:sp macro="" textlink="">
      <xdr:nvSpPr>
        <xdr:cNvPr id="527" name="フローチャート: 判断 526"/>
        <xdr:cNvSpPr/>
      </xdr:nvSpPr>
      <xdr:spPr>
        <a:xfrm>
          <a:off x="12804140" y="661593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53416</xdr:rowOff>
    </xdr:from>
    <xdr:to>
      <xdr:col>72</xdr:col>
      <xdr:colOff>38100</xdr:colOff>
      <xdr:row>39</xdr:row>
      <xdr:rowOff>83566</xdr:rowOff>
    </xdr:to>
    <xdr:sp macro="" textlink="">
      <xdr:nvSpPr>
        <xdr:cNvPr id="528" name="フローチャート: 判断 527"/>
        <xdr:cNvSpPr/>
      </xdr:nvSpPr>
      <xdr:spPr>
        <a:xfrm>
          <a:off x="12029440" y="6523736"/>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29" name="テキスト ボックス 528"/>
        <xdr:cNvSpPr txBox="1"/>
      </xdr:nvSpPr>
      <xdr:spPr>
        <a:xfrm>
          <a:off x="1420876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0" name="テキスト ボックス 529"/>
        <xdr:cNvSpPr txBox="1"/>
      </xdr:nvSpPr>
      <xdr:spPr>
        <a:xfrm>
          <a:off x="134620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1" name="テキスト ボックス 530"/>
        <xdr:cNvSpPr txBox="1"/>
      </xdr:nvSpPr>
      <xdr:spPr>
        <a:xfrm>
          <a:off x="126873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2" name="テキスト ボックス 531"/>
        <xdr:cNvSpPr txBox="1"/>
      </xdr:nvSpPr>
      <xdr:spPr>
        <a:xfrm>
          <a:off x="119049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3" name="テキスト ボックス 532"/>
        <xdr:cNvSpPr txBox="1"/>
      </xdr:nvSpPr>
      <xdr:spPr>
        <a:xfrm>
          <a:off x="111150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153416</xdr:rowOff>
    </xdr:from>
    <xdr:to>
      <xdr:col>85</xdr:col>
      <xdr:colOff>177800</xdr:colOff>
      <xdr:row>41</xdr:row>
      <xdr:rowOff>83566</xdr:rowOff>
    </xdr:to>
    <xdr:sp macro="" textlink="">
      <xdr:nvSpPr>
        <xdr:cNvPr id="534" name="楕円 533"/>
        <xdr:cNvSpPr/>
      </xdr:nvSpPr>
      <xdr:spPr>
        <a:xfrm>
          <a:off x="14325600" y="6859016"/>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11193</xdr:rowOff>
    </xdr:from>
    <xdr:ext cx="405111" cy="259045"/>
    <xdr:sp macro="" textlink="">
      <xdr:nvSpPr>
        <xdr:cNvPr id="535" name="【一般廃棄物処理施設】&#10;有形固定資産減価償却率該当値テキスト"/>
        <xdr:cNvSpPr txBox="1"/>
      </xdr:nvSpPr>
      <xdr:spPr>
        <a:xfrm>
          <a:off x="14414500" y="6884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34544</xdr:rowOff>
    </xdr:from>
    <xdr:to>
      <xdr:col>81</xdr:col>
      <xdr:colOff>101600</xdr:colOff>
      <xdr:row>40</xdr:row>
      <xdr:rowOff>136144</xdr:rowOff>
    </xdr:to>
    <xdr:sp macro="" textlink="">
      <xdr:nvSpPr>
        <xdr:cNvPr id="536" name="楕円 535"/>
        <xdr:cNvSpPr/>
      </xdr:nvSpPr>
      <xdr:spPr>
        <a:xfrm>
          <a:off x="13578840" y="6740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85344</xdr:rowOff>
    </xdr:from>
    <xdr:to>
      <xdr:col>85</xdr:col>
      <xdr:colOff>127000</xdr:colOff>
      <xdr:row>41</xdr:row>
      <xdr:rowOff>32766</xdr:rowOff>
    </xdr:to>
    <xdr:cxnSp macro="">
      <xdr:nvCxnSpPr>
        <xdr:cNvPr id="537" name="直線コネクタ 536"/>
        <xdr:cNvCxnSpPr/>
      </xdr:nvCxnSpPr>
      <xdr:spPr>
        <a:xfrm>
          <a:off x="13629640" y="6790944"/>
          <a:ext cx="746760" cy="115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77978</xdr:rowOff>
    </xdr:from>
    <xdr:to>
      <xdr:col>76</xdr:col>
      <xdr:colOff>165100</xdr:colOff>
      <xdr:row>40</xdr:row>
      <xdr:rowOff>8128</xdr:rowOff>
    </xdr:to>
    <xdr:sp macro="" textlink="">
      <xdr:nvSpPr>
        <xdr:cNvPr id="538" name="楕円 537"/>
        <xdr:cNvSpPr/>
      </xdr:nvSpPr>
      <xdr:spPr>
        <a:xfrm>
          <a:off x="12804140" y="661593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128778</xdr:rowOff>
    </xdr:from>
    <xdr:to>
      <xdr:col>81</xdr:col>
      <xdr:colOff>50800</xdr:colOff>
      <xdr:row>40</xdr:row>
      <xdr:rowOff>85344</xdr:rowOff>
    </xdr:to>
    <xdr:cxnSp macro="">
      <xdr:nvCxnSpPr>
        <xdr:cNvPr id="539" name="直線コネクタ 538"/>
        <xdr:cNvCxnSpPr/>
      </xdr:nvCxnSpPr>
      <xdr:spPr>
        <a:xfrm>
          <a:off x="12854940" y="6666738"/>
          <a:ext cx="774700" cy="1242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23114</xdr:rowOff>
    </xdr:from>
    <xdr:to>
      <xdr:col>72</xdr:col>
      <xdr:colOff>38100</xdr:colOff>
      <xdr:row>39</xdr:row>
      <xdr:rowOff>124714</xdr:rowOff>
    </xdr:to>
    <xdr:sp macro="" textlink="">
      <xdr:nvSpPr>
        <xdr:cNvPr id="540" name="楕円 539"/>
        <xdr:cNvSpPr/>
      </xdr:nvSpPr>
      <xdr:spPr>
        <a:xfrm>
          <a:off x="12029440" y="6561074"/>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73914</xdr:rowOff>
    </xdr:from>
    <xdr:to>
      <xdr:col>76</xdr:col>
      <xdr:colOff>114300</xdr:colOff>
      <xdr:row>39</xdr:row>
      <xdr:rowOff>128778</xdr:rowOff>
    </xdr:to>
    <xdr:cxnSp macro="">
      <xdr:nvCxnSpPr>
        <xdr:cNvPr id="541" name="直線コネクタ 540"/>
        <xdr:cNvCxnSpPr/>
      </xdr:nvCxnSpPr>
      <xdr:spPr>
        <a:xfrm>
          <a:off x="12072620" y="6611874"/>
          <a:ext cx="78232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4</xdr:row>
      <xdr:rowOff>116840</xdr:rowOff>
    </xdr:from>
    <xdr:to>
      <xdr:col>67</xdr:col>
      <xdr:colOff>101600</xdr:colOff>
      <xdr:row>35</xdr:row>
      <xdr:rowOff>46990</xdr:rowOff>
    </xdr:to>
    <xdr:sp macro="" textlink="">
      <xdr:nvSpPr>
        <xdr:cNvPr id="542" name="楕円 541"/>
        <xdr:cNvSpPr/>
      </xdr:nvSpPr>
      <xdr:spPr>
        <a:xfrm>
          <a:off x="11231880" y="58166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4</xdr:row>
      <xdr:rowOff>167640</xdr:rowOff>
    </xdr:from>
    <xdr:to>
      <xdr:col>71</xdr:col>
      <xdr:colOff>177800</xdr:colOff>
      <xdr:row>39</xdr:row>
      <xdr:rowOff>73914</xdr:rowOff>
    </xdr:to>
    <xdr:cxnSp macro="">
      <xdr:nvCxnSpPr>
        <xdr:cNvPr id="543" name="直線コネクタ 542"/>
        <xdr:cNvCxnSpPr/>
      </xdr:nvCxnSpPr>
      <xdr:spPr>
        <a:xfrm>
          <a:off x="11282680" y="5867400"/>
          <a:ext cx="789940" cy="744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27271</xdr:rowOff>
    </xdr:from>
    <xdr:ext cx="405111" cy="259045"/>
    <xdr:sp macro="" textlink="">
      <xdr:nvSpPr>
        <xdr:cNvPr id="544" name="n_1aveValue【一般廃棄物処理施設】&#10;有形固定資産減価償却率"/>
        <xdr:cNvSpPr txBox="1"/>
      </xdr:nvSpPr>
      <xdr:spPr>
        <a:xfrm>
          <a:off x="13437244" y="68328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9</xdr:row>
      <xdr:rowOff>170705</xdr:rowOff>
    </xdr:from>
    <xdr:ext cx="405111" cy="259045"/>
    <xdr:sp macro="" textlink="">
      <xdr:nvSpPr>
        <xdr:cNvPr id="545" name="n_2aveValue【一般廃棄物処理施設】&#10;有形固定資産減価償却率"/>
        <xdr:cNvSpPr txBox="1"/>
      </xdr:nvSpPr>
      <xdr:spPr>
        <a:xfrm>
          <a:off x="12675244" y="67086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0093</xdr:rowOff>
    </xdr:from>
    <xdr:ext cx="405111" cy="259045"/>
    <xdr:sp macro="" textlink="">
      <xdr:nvSpPr>
        <xdr:cNvPr id="546" name="n_3aveValue【一般廃棄物処理施設】&#10;有形固定資産減価償却率"/>
        <xdr:cNvSpPr txBox="1"/>
      </xdr:nvSpPr>
      <xdr:spPr>
        <a:xfrm>
          <a:off x="11900544" y="63027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52671</xdr:rowOff>
    </xdr:from>
    <xdr:ext cx="405111" cy="259045"/>
    <xdr:sp macro="" textlink="">
      <xdr:nvSpPr>
        <xdr:cNvPr id="547" name="n_1mainValue【一般廃棄物処理施設】&#10;有形固定資産減価償却率"/>
        <xdr:cNvSpPr txBox="1"/>
      </xdr:nvSpPr>
      <xdr:spPr>
        <a:xfrm>
          <a:off x="13437244" y="6522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24655</xdr:rowOff>
    </xdr:from>
    <xdr:ext cx="405111" cy="259045"/>
    <xdr:sp macro="" textlink="">
      <xdr:nvSpPr>
        <xdr:cNvPr id="548" name="n_2mainValue【一般廃棄物処理施設】&#10;有形固定資産減価償却率"/>
        <xdr:cNvSpPr txBox="1"/>
      </xdr:nvSpPr>
      <xdr:spPr>
        <a:xfrm>
          <a:off x="12675244" y="63949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15841</xdr:rowOff>
    </xdr:from>
    <xdr:ext cx="405111" cy="259045"/>
    <xdr:sp macro="" textlink="">
      <xdr:nvSpPr>
        <xdr:cNvPr id="549" name="n_3mainValue【一般廃棄物処理施設】&#10;有形固定資産減価償却率"/>
        <xdr:cNvSpPr txBox="1"/>
      </xdr:nvSpPr>
      <xdr:spPr>
        <a:xfrm>
          <a:off x="11900544" y="6653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3</xdr:row>
      <xdr:rowOff>63517</xdr:rowOff>
    </xdr:from>
    <xdr:ext cx="405111" cy="259045"/>
    <xdr:sp macro="" textlink="">
      <xdr:nvSpPr>
        <xdr:cNvPr id="550" name="n_4mainValue【一般廃棄物処理施設】&#10;有形固定資産減価償却率"/>
        <xdr:cNvSpPr txBox="1"/>
      </xdr:nvSpPr>
      <xdr:spPr>
        <a:xfrm>
          <a:off x="11102984" y="5595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1" name="正方形/長方形 550"/>
        <xdr:cNvSpPr/>
      </xdr:nvSpPr>
      <xdr:spPr>
        <a:xfrm>
          <a:off x="16093440" y="409956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2" name="正方形/長方形 551"/>
        <xdr:cNvSpPr/>
      </xdr:nvSpPr>
      <xdr:spPr>
        <a:xfrm>
          <a:off x="1622044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3" name="正方形/長方形 552"/>
        <xdr:cNvSpPr/>
      </xdr:nvSpPr>
      <xdr:spPr>
        <a:xfrm>
          <a:off x="1622044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4" name="正方形/長方形 553"/>
        <xdr:cNvSpPr/>
      </xdr:nvSpPr>
      <xdr:spPr>
        <a:xfrm>
          <a:off x="1709928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5" name="正方形/長方形 554"/>
        <xdr:cNvSpPr/>
      </xdr:nvSpPr>
      <xdr:spPr>
        <a:xfrm>
          <a:off x="1709928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6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56" name="正方形/長方形 555"/>
        <xdr:cNvSpPr/>
      </xdr:nvSpPr>
      <xdr:spPr>
        <a:xfrm>
          <a:off x="18105120" y="474472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57" name="正方形/長方形 556"/>
        <xdr:cNvSpPr/>
      </xdr:nvSpPr>
      <xdr:spPr>
        <a:xfrm>
          <a:off x="18105120" y="494411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58" name="正方形/長方形 557"/>
        <xdr:cNvSpPr/>
      </xdr:nvSpPr>
      <xdr:spPr>
        <a:xfrm>
          <a:off x="16093440" y="521589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59" name="テキスト ボックス 558"/>
        <xdr:cNvSpPr txBox="1"/>
      </xdr:nvSpPr>
      <xdr:spPr>
        <a:xfrm>
          <a:off x="16078200" y="50292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0" name="直線コネクタ 559"/>
        <xdr:cNvCxnSpPr/>
      </xdr:nvCxnSpPr>
      <xdr:spPr>
        <a:xfrm>
          <a:off x="16093440" y="74523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561" name="直線コネクタ 560"/>
        <xdr:cNvCxnSpPr/>
      </xdr:nvCxnSpPr>
      <xdr:spPr>
        <a:xfrm>
          <a:off x="16093440" y="7133408"/>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1</xdr:row>
      <xdr:rowOff>121755</xdr:rowOff>
    </xdr:from>
    <xdr:ext cx="248786" cy="259045"/>
    <xdr:sp macro="" textlink="">
      <xdr:nvSpPr>
        <xdr:cNvPr id="562" name="テキスト ボックス 561"/>
        <xdr:cNvSpPr txBox="1"/>
      </xdr:nvSpPr>
      <xdr:spPr>
        <a:xfrm>
          <a:off x="15890374" y="699499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563" name="直線コネクタ 562"/>
        <xdr:cNvCxnSpPr/>
      </xdr:nvCxnSpPr>
      <xdr:spPr>
        <a:xfrm>
          <a:off x="16093440" y="681445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138084</xdr:rowOff>
    </xdr:from>
    <xdr:ext cx="531299" cy="259045"/>
    <xdr:sp macro="" textlink="">
      <xdr:nvSpPr>
        <xdr:cNvPr id="564" name="テキスト ボックス 563"/>
        <xdr:cNvSpPr txBox="1"/>
      </xdr:nvSpPr>
      <xdr:spPr>
        <a:xfrm>
          <a:off x="15630721" y="667604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565" name="直線コネクタ 564"/>
        <xdr:cNvCxnSpPr/>
      </xdr:nvCxnSpPr>
      <xdr:spPr>
        <a:xfrm>
          <a:off x="16093440" y="6495505"/>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7</xdr:row>
      <xdr:rowOff>154412</xdr:rowOff>
    </xdr:from>
    <xdr:ext cx="531299" cy="259045"/>
    <xdr:sp macro="" textlink="">
      <xdr:nvSpPr>
        <xdr:cNvPr id="566" name="テキスト ボックス 565"/>
        <xdr:cNvSpPr txBox="1"/>
      </xdr:nvSpPr>
      <xdr:spPr>
        <a:xfrm>
          <a:off x="15630721" y="63570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567" name="直線コネクタ 566"/>
        <xdr:cNvCxnSpPr/>
      </xdr:nvCxnSpPr>
      <xdr:spPr>
        <a:xfrm>
          <a:off x="16093440" y="617655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170741</xdr:rowOff>
    </xdr:from>
    <xdr:ext cx="531299" cy="259045"/>
    <xdr:sp macro="" textlink="">
      <xdr:nvSpPr>
        <xdr:cNvPr id="568" name="テキスト ボックス 567"/>
        <xdr:cNvSpPr txBox="1"/>
      </xdr:nvSpPr>
      <xdr:spPr>
        <a:xfrm>
          <a:off x="15630721" y="603814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569" name="直線コネクタ 568"/>
        <xdr:cNvCxnSpPr/>
      </xdr:nvCxnSpPr>
      <xdr:spPr>
        <a:xfrm>
          <a:off x="16093440" y="585760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4</xdr:row>
      <xdr:rowOff>15620</xdr:rowOff>
    </xdr:from>
    <xdr:ext cx="595419" cy="259045"/>
    <xdr:sp macro="" textlink="">
      <xdr:nvSpPr>
        <xdr:cNvPr id="570" name="テキスト ボックス 569"/>
        <xdr:cNvSpPr txBox="1"/>
      </xdr:nvSpPr>
      <xdr:spPr>
        <a:xfrm>
          <a:off x="15589461" y="571538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571" name="直線コネクタ 570"/>
        <xdr:cNvCxnSpPr/>
      </xdr:nvCxnSpPr>
      <xdr:spPr>
        <a:xfrm>
          <a:off x="16093440" y="5534842"/>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31949</xdr:rowOff>
    </xdr:from>
    <xdr:ext cx="595419" cy="259045"/>
    <xdr:sp macro="" textlink="">
      <xdr:nvSpPr>
        <xdr:cNvPr id="572" name="テキスト ボックス 571"/>
        <xdr:cNvSpPr txBox="1"/>
      </xdr:nvSpPr>
      <xdr:spPr>
        <a:xfrm>
          <a:off x="15589461" y="539642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xdr:cNvCxnSpPr/>
      </xdr:nvCxnSpPr>
      <xdr:spPr>
        <a:xfrm>
          <a:off x="16093440" y="52158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xdr:cNvSpPr txBox="1"/>
      </xdr:nvSpPr>
      <xdr:spPr>
        <a:xfrm>
          <a:off x="15589461" y="50774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xdr:cNvSpPr/>
      </xdr:nvSpPr>
      <xdr:spPr>
        <a:xfrm>
          <a:off x="16093440" y="521589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29870</xdr:rowOff>
    </xdr:from>
    <xdr:to>
      <xdr:col>116</xdr:col>
      <xdr:colOff>62864</xdr:colOff>
      <xdr:row>42</xdr:row>
      <xdr:rowOff>91777</xdr:rowOff>
    </xdr:to>
    <xdr:cxnSp macro="">
      <xdr:nvCxnSpPr>
        <xdr:cNvPr id="576" name="直線コネクタ 575"/>
        <xdr:cNvCxnSpPr/>
      </xdr:nvCxnSpPr>
      <xdr:spPr>
        <a:xfrm flipV="1">
          <a:off x="19509104" y="5561990"/>
          <a:ext cx="0" cy="15706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95604</xdr:rowOff>
    </xdr:from>
    <xdr:ext cx="313932" cy="259045"/>
    <xdr:sp macro="" textlink="">
      <xdr:nvSpPr>
        <xdr:cNvPr id="577" name="【一般廃棄物処理施設】&#10;一人当たり有形固定資産（償却資産）額最小値テキスト"/>
        <xdr:cNvSpPr txBox="1"/>
      </xdr:nvSpPr>
      <xdr:spPr>
        <a:xfrm>
          <a:off x="19547840" y="713648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91777</xdr:rowOff>
    </xdr:from>
    <xdr:to>
      <xdr:col>116</xdr:col>
      <xdr:colOff>152400</xdr:colOff>
      <xdr:row>42</xdr:row>
      <xdr:rowOff>91777</xdr:rowOff>
    </xdr:to>
    <xdr:cxnSp macro="">
      <xdr:nvCxnSpPr>
        <xdr:cNvPr id="578" name="直線コネクタ 577"/>
        <xdr:cNvCxnSpPr/>
      </xdr:nvCxnSpPr>
      <xdr:spPr>
        <a:xfrm>
          <a:off x="19443700" y="7132657"/>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47997</xdr:rowOff>
    </xdr:from>
    <xdr:ext cx="599010" cy="259045"/>
    <xdr:sp macro="" textlink="">
      <xdr:nvSpPr>
        <xdr:cNvPr id="579" name="【一般廃棄物処理施設】&#10;一人当たり有形固定資産（償却資産）額最大値テキスト"/>
        <xdr:cNvSpPr txBox="1"/>
      </xdr:nvSpPr>
      <xdr:spPr>
        <a:xfrm>
          <a:off x="19547840" y="53448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5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29870</xdr:rowOff>
    </xdr:from>
    <xdr:to>
      <xdr:col>116</xdr:col>
      <xdr:colOff>152400</xdr:colOff>
      <xdr:row>33</xdr:row>
      <xdr:rowOff>29870</xdr:rowOff>
    </xdr:to>
    <xdr:cxnSp macro="">
      <xdr:nvCxnSpPr>
        <xdr:cNvPr id="580" name="直線コネクタ 579"/>
        <xdr:cNvCxnSpPr/>
      </xdr:nvCxnSpPr>
      <xdr:spPr>
        <a:xfrm>
          <a:off x="19443700" y="55619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68648</xdr:rowOff>
    </xdr:from>
    <xdr:ext cx="534377" cy="259045"/>
    <xdr:sp macro="" textlink="">
      <xdr:nvSpPr>
        <xdr:cNvPr id="581" name="【一般廃棄物処理施設】&#10;一人当たり有形固定資産（償却資産）額平均値テキスト"/>
        <xdr:cNvSpPr txBox="1"/>
      </xdr:nvSpPr>
      <xdr:spPr>
        <a:xfrm>
          <a:off x="19547840" y="637132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8771</xdr:rowOff>
    </xdr:from>
    <xdr:to>
      <xdr:col>116</xdr:col>
      <xdr:colOff>114300</xdr:colOff>
      <xdr:row>38</xdr:row>
      <xdr:rowOff>120371</xdr:rowOff>
    </xdr:to>
    <xdr:sp macro="" textlink="">
      <xdr:nvSpPr>
        <xdr:cNvPr id="582" name="フローチャート: 判断 581"/>
        <xdr:cNvSpPr/>
      </xdr:nvSpPr>
      <xdr:spPr>
        <a:xfrm>
          <a:off x="19458940" y="6389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23887</xdr:rowOff>
    </xdr:from>
    <xdr:to>
      <xdr:col>112</xdr:col>
      <xdr:colOff>38100</xdr:colOff>
      <xdr:row>38</xdr:row>
      <xdr:rowOff>125487</xdr:rowOff>
    </xdr:to>
    <xdr:sp macro="" textlink="">
      <xdr:nvSpPr>
        <xdr:cNvPr id="583" name="フローチャート: 判断 582"/>
        <xdr:cNvSpPr/>
      </xdr:nvSpPr>
      <xdr:spPr>
        <a:xfrm>
          <a:off x="18735040" y="6394207"/>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106400</xdr:rowOff>
    </xdr:from>
    <xdr:to>
      <xdr:col>107</xdr:col>
      <xdr:colOff>101600</xdr:colOff>
      <xdr:row>38</xdr:row>
      <xdr:rowOff>36550</xdr:rowOff>
    </xdr:to>
    <xdr:sp macro="" textlink="">
      <xdr:nvSpPr>
        <xdr:cNvPr id="584" name="フローチャート: 判断 583"/>
        <xdr:cNvSpPr/>
      </xdr:nvSpPr>
      <xdr:spPr>
        <a:xfrm>
          <a:off x="17937480" y="6309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9775</xdr:rowOff>
    </xdr:from>
    <xdr:to>
      <xdr:col>102</xdr:col>
      <xdr:colOff>165100</xdr:colOff>
      <xdr:row>38</xdr:row>
      <xdr:rowOff>39925</xdr:rowOff>
    </xdr:to>
    <xdr:sp macro="" textlink="">
      <xdr:nvSpPr>
        <xdr:cNvPr id="585" name="フローチャート: 判断 584"/>
        <xdr:cNvSpPr/>
      </xdr:nvSpPr>
      <xdr:spPr>
        <a:xfrm>
          <a:off x="17162780" y="631245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6" name="テキスト ボックス 585"/>
        <xdr:cNvSpPr txBox="1"/>
      </xdr:nvSpPr>
      <xdr:spPr>
        <a:xfrm>
          <a:off x="1934210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7" name="テキスト ボックス 586"/>
        <xdr:cNvSpPr txBox="1"/>
      </xdr:nvSpPr>
      <xdr:spPr>
        <a:xfrm>
          <a:off x="1861058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8" name="テキスト ボックス 587"/>
        <xdr:cNvSpPr txBox="1"/>
      </xdr:nvSpPr>
      <xdr:spPr>
        <a:xfrm>
          <a:off x="178206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89" name="テキスト ボックス 588"/>
        <xdr:cNvSpPr txBox="1"/>
      </xdr:nvSpPr>
      <xdr:spPr>
        <a:xfrm>
          <a:off x="1704594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0" name="テキスト ボックス 589"/>
        <xdr:cNvSpPr txBox="1"/>
      </xdr:nvSpPr>
      <xdr:spPr>
        <a:xfrm>
          <a:off x="16263620" y="7449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85685</xdr:rowOff>
    </xdr:from>
    <xdr:to>
      <xdr:col>116</xdr:col>
      <xdr:colOff>114300</xdr:colOff>
      <xdr:row>37</xdr:row>
      <xdr:rowOff>15835</xdr:rowOff>
    </xdr:to>
    <xdr:sp macro="" textlink="">
      <xdr:nvSpPr>
        <xdr:cNvPr id="591" name="楕円 590"/>
        <xdr:cNvSpPr/>
      </xdr:nvSpPr>
      <xdr:spPr>
        <a:xfrm>
          <a:off x="19458940" y="61207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108562</xdr:rowOff>
    </xdr:from>
    <xdr:ext cx="534377" cy="259045"/>
    <xdr:sp macro="" textlink="">
      <xdr:nvSpPr>
        <xdr:cNvPr id="592" name="【一般廃棄物処理施設】&#10;一人当たり有形固定資産（償却資産）額該当値テキスト"/>
        <xdr:cNvSpPr txBox="1"/>
      </xdr:nvSpPr>
      <xdr:spPr>
        <a:xfrm>
          <a:off x="19547840" y="5975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92957</xdr:rowOff>
    </xdr:from>
    <xdr:to>
      <xdr:col>112</xdr:col>
      <xdr:colOff>38100</xdr:colOff>
      <xdr:row>37</xdr:row>
      <xdr:rowOff>23107</xdr:rowOff>
    </xdr:to>
    <xdr:sp macro="" textlink="">
      <xdr:nvSpPr>
        <xdr:cNvPr id="593" name="楕円 592"/>
        <xdr:cNvSpPr/>
      </xdr:nvSpPr>
      <xdr:spPr>
        <a:xfrm>
          <a:off x="18735040" y="612799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136485</xdr:rowOff>
    </xdr:from>
    <xdr:to>
      <xdr:col>116</xdr:col>
      <xdr:colOff>63500</xdr:colOff>
      <xdr:row>36</xdr:row>
      <xdr:rowOff>143757</xdr:rowOff>
    </xdr:to>
    <xdr:cxnSp macro="">
      <xdr:nvCxnSpPr>
        <xdr:cNvPr id="594" name="直線コネクタ 593"/>
        <xdr:cNvCxnSpPr/>
      </xdr:nvCxnSpPr>
      <xdr:spPr>
        <a:xfrm flipV="1">
          <a:off x="18778220" y="6171525"/>
          <a:ext cx="731520" cy="7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98334</xdr:rowOff>
    </xdr:from>
    <xdr:to>
      <xdr:col>107</xdr:col>
      <xdr:colOff>101600</xdr:colOff>
      <xdr:row>37</xdr:row>
      <xdr:rowOff>28484</xdr:rowOff>
    </xdr:to>
    <xdr:sp macro="" textlink="">
      <xdr:nvSpPr>
        <xdr:cNvPr id="595" name="楕円 594"/>
        <xdr:cNvSpPr/>
      </xdr:nvSpPr>
      <xdr:spPr>
        <a:xfrm>
          <a:off x="17937480" y="613337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43757</xdr:rowOff>
    </xdr:from>
    <xdr:to>
      <xdr:col>111</xdr:col>
      <xdr:colOff>177800</xdr:colOff>
      <xdr:row>36</xdr:row>
      <xdr:rowOff>149134</xdr:rowOff>
    </xdr:to>
    <xdr:cxnSp macro="">
      <xdr:nvCxnSpPr>
        <xdr:cNvPr id="596" name="直線コネクタ 595"/>
        <xdr:cNvCxnSpPr/>
      </xdr:nvCxnSpPr>
      <xdr:spPr>
        <a:xfrm flipV="1">
          <a:off x="17988280" y="6178797"/>
          <a:ext cx="789940" cy="5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30785</xdr:rowOff>
    </xdr:from>
    <xdr:to>
      <xdr:col>102</xdr:col>
      <xdr:colOff>165100</xdr:colOff>
      <xdr:row>37</xdr:row>
      <xdr:rowOff>60935</xdr:rowOff>
    </xdr:to>
    <xdr:sp macro="" textlink="">
      <xdr:nvSpPr>
        <xdr:cNvPr id="597" name="楕円 596"/>
        <xdr:cNvSpPr/>
      </xdr:nvSpPr>
      <xdr:spPr>
        <a:xfrm>
          <a:off x="17162780" y="616582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149134</xdr:rowOff>
    </xdr:from>
    <xdr:to>
      <xdr:col>107</xdr:col>
      <xdr:colOff>50800</xdr:colOff>
      <xdr:row>37</xdr:row>
      <xdr:rowOff>10135</xdr:rowOff>
    </xdr:to>
    <xdr:cxnSp macro="">
      <xdr:nvCxnSpPr>
        <xdr:cNvPr id="598" name="直線コネクタ 597"/>
        <xdr:cNvCxnSpPr/>
      </xdr:nvCxnSpPr>
      <xdr:spPr>
        <a:xfrm flipV="1">
          <a:off x="17213580" y="6184174"/>
          <a:ext cx="774700" cy="28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1</xdr:row>
      <xdr:rowOff>77717</xdr:rowOff>
    </xdr:from>
    <xdr:to>
      <xdr:col>98</xdr:col>
      <xdr:colOff>38100</xdr:colOff>
      <xdr:row>42</xdr:row>
      <xdr:rowOff>7867</xdr:rowOff>
    </xdr:to>
    <xdr:sp macro="" textlink="">
      <xdr:nvSpPr>
        <xdr:cNvPr id="599" name="楕円 598"/>
        <xdr:cNvSpPr/>
      </xdr:nvSpPr>
      <xdr:spPr>
        <a:xfrm>
          <a:off x="16388080" y="6950957"/>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7</xdr:row>
      <xdr:rowOff>10135</xdr:rowOff>
    </xdr:from>
    <xdr:to>
      <xdr:col>102</xdr:col>
      <xdr:colOff>114300</xdr:colOff>
      <xdr:row>41</xdr:row>
      <xdr:rowOff>128517</xdr:rowOff>
    </xdr:to>
    <xdr:cxnSp macro="">
      <xdr:nvCxnSpPr>
        <xdr:cNvPr id="600" name="直線コネクタ 599"/>
        <xdr:cNvCxnSpPr/>
      </xdr:nvCxnSpPr>
      <xdr:spPr>
        <a:xfrm flipV="1">
          <a:off x="16431260" y="6212815"/>
          <a:ext cx="782320" cy="788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116614</xdr:rowOff>
    </xdr:from>
    <xdr:ext cx="534377" cy="259045"/>
    <xdr:sp macro="" textlink="">
      <xdr:nvSpPr>
        <xdr:cNvPr id="601" name="n_1aveValue【一般廃棄物処理施設】&#10;一人当たり有形固定資産（償却資産）額"/>
        <xdr:cNvSpPr txBox="1"/>
      </xdr:nvSpPr>
      <xdr:spPr>
        <a:xfrm>
          <a:off x="18528811" y="6486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27677</xdr:rowOff>
    </xdr:from>
    <xdr:ext cx="534377" cy="259045"/>
    <xdr:sp macro="" textlink="">
      <xdr:nvSpPr>
        <xdr:cNvPr id="602" name="n_2aveValue【一般廃棄物処理施設】&#10;一人当たり有形固定資産（償却資産）額"/>
        <xdr:cNvSpPr txBox="1"/>
      </xdr:nvSpPr>
      <xdr:spPr>
        <a:xfrm>
          <a:off x="17766811" y="6397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31052</xdr:rowOff>
    </xdr:from>
    <xdr:ext cx="534377" cy="259045"/>
    <xdr:sp macro="" textlink="">
      <xdr:nvSpPr>
        <xdr:cNvPr id="603" name="n_3aveValue【一般廃棄物処理施設】&#10;一人当たり有形固定資産（償却資産）額"/>
        <xdr:cNvSpPr txBox="1"/>
      </xdr:nvSpPr>
      <xdr:spPr>
        <a:xfrm>
          <a:off x="16969251" y="64013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5</xdr:row>
      <xdr:rowOff>39634</xdr:rowOff>
    </xdr:from>
    <xdr:ext cx="534377" cy="259045"/>
    <xdr:sp macro="" textlink="">
      <xdr:nvSpPr>
        <xdr:cNvPr id="604" name="n_1mainValue【一般廃棄物処理施設】&#10;一人当たり有形固定資産（償却資産）額"/>
        <xdr:cNvSpPr txBox="1"/>
      </xdr:nvSpPr>
      <xdr:spPr>
        <a:xfrm>
          <a:off x="18528811" y="5907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5</xdr:row>
      <xdr:rowOff>45011</xdr:rowOff>
    </xdr:from>
    <xdr:ext cx="534377" cy="259045"/>
    <xdr:sp macro="" textlink="">
      <xdr:nvSpPr>
        <xdr:cNvPr id="605" name="n_2mainValue【一般廃棄物処理施設】&#10;一人当たり有形固定資産（償却資産）額"/>
        <xdr:cNvSpPr txBox="1"/>
      </xdr:nvSpPr>
      <xdr:spPr>
        <a:xfrm>
          <a:off x="17766811" y="5912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77462</xdr:rowOff>
    </xdr:from>
    <xdr:ext cx="534377" cy="259045"/>
    <xdr:sp macro="" textlink="">
      <xdr:nvSpPr>
        <xdr:cNvPr id="606" name="n_3mainValue【一般廃棄物処理施設】&#10;一人当たり有形固定資産（償却資産）額"/>
        <xdr:cNvSpPr txBox="1"/>
      </xdr:nvSpPr>
      <xdr:spPr>
        <a:xfrm>
          <a:off x="16969251" y="5944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0</xdr:row>
      <xdr:rowOff>24394</xdr:rowOff>
    </xdr:from>
    <xdr:ext cx="534377" cy="259045"/>
    <xdr:sp macro="" textlink="">
      <xdr:nvSpPr>
        <xdr:cNvPr id="607" name="n_4mainValue【一般廃棄物処理施設】&#10;一人当たり有形固定資産（償却資産）額"/>
        <xdr:cNvSpPr txBox="1"/>
      </xdr:nvSpPr>
      <xdr:spPr>
        <a:xfrm>
          <a:off x="16194551" y="6729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08" name="正方形/長方形 607"/>
        <xdr:cNvSpPr/>
      </xdr:nvSpPr>
      <xdr:spPr>
        <a:xfrm>
          <a:off x="10960100" y="782574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09" name="正方形/長方形 608"/>
        <xdr:cNvSpPr/>
      </xdr:nvSpPr>
      <xdr:spPr>
        <a:xfrm>
          <a:off x="110642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0" name="正方形/長方形 609"/>
        <xdr:cNvSpPr/>
      </xdr:nvSpPr>
      <xdr:spPr>
        <a:xfrm>
          <a:off x="110642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1" name="正方形/長方形 610"/>
        <xdr:cNvSpPr/>
      </xdr:nvSpPr>
      <xdr:spPr>
        <a:xfrm>
          <a:off x="119659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2" name="正方形/長方形 611"/>
        <xdr:cNvSpPr/>
      </xdr:nvSpPr>
      <xdr:spPr>
        <a:xfrm>
          <a:off x="119659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3" name="正方形/長方形 612"/>
        <xdr:cNvSpPr/>
      </xdr:nvSpPr>
      <xdr:spPr>
        <a:xfrm>
          <a:off x="129717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4" name="正方形/長方形 613"/>
        <xdr:cNvSpPr/>
      </xdr:nvSpPr>
      <xdr:spPr>
        <a:xfrm>
          <a:off x="129717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5" name="正方形/長方形 614"/>
        <xdr:cNvSpPr/>
      </xdr:nvSpPr>
      <xdr:spPr>
        <a:xfrm>
          <a:off x="10960100" y="8942070"/>
          <a:ext cx="415290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616" name="テキスト ボックス 615"/>
        <xdr:cNvSpPr txBox="1"/>
      </xdr:nvSpPr>
      <xdr:spPr>
        <a:xfrm>
          <a:off x="10922000" y="87553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617" name="直線コネクタ 616"/>
        <xdr:cNvCxnSpPr/>
      </xdr:nvCxnSpPr>
      <xdr:spPr>
        <a:xfrm>
          <a:off x="10960100" y="111785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618" name="テキスト ボックス 617"/>
        <xdr:cNvSpPr txBox="1"/>
      </xdr:nvSpPr>
      <xdr:spPr>
        <a:xfrm>
          <a:off x="10561501" y="110401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619" name="直線コネクタ 618"/>
        <xdr:cNvCxnSpPr/>
      </xdr:nvCxnSpPr>
      <xdr:spPr>
        <a:xfrm>
          <a:off x="10960100" y="108051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620" name="テキスト ボックス 619"/>
        <xdr:cNvSpPr txBox="1"/>
      </xdr:nvSpPr>
      <xdr:spPr>
        <a:xfrm>
          <a:off x="1056150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621" name="直線コネクタ 620"/>
        <xdr:cNvCxnSpPr/>
      </xdr:nvCxnSpPr>
      <xdr:spPr>
        <a:xfrm>
          <a:off x="10960100" y="104317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622" name="テキスト ボックス 621"/>
        <xdr:cNvSpPr txBox="1"/>
      </xdr:nvSpPr>
      <xdr:spPr>
        <a:xfrm>
          <a:off x="10602761" y="102933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623" name="直線コネクタ 622"/>
        <xdr:cNvCxnSpPr/>
      </xdr:nvCxnSpPr>
      <xdr:spPr>
        <a:xfrm>
          <a:off x="10960100" y="100584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624" name="テキスト ボックス 623"/>
        <xdr:cNvSpPr txBox="1"/>
      </xdr:nvSpPr>
      <xdr:spPr>
        <a:xfrm>
          <a:off x="10602761" y="991998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625" name="直線コネクタ 624"/>
        <xdr:cNvCxnSpPr/>
      </xdr:nvCxnSpPr>
      <xdr:spPr>
        <a:xfrm>
          <a:off x="10960100" y="96888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626" name="テキスト ボックス 625"/>
        <xdr:cNvSpPr txBox="1"/>
      </xdr:nvSpPr>
      <xdr:spPr>
        <a:xfrm>
          <a:off x="10602761" y="955041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627" name="直線コネクタ 626"/>
        <xdr:cNvCxnSpPr/>
      </xdr:nvCxnSpPr>
      <xdr:spPr>
        <a:xfrm>
          <a:off x="10960100" y="931545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628" name="テキスト ボックス 627"/>
        <xdr:cNvSpPr txBox="1"/>
      </xdr:nvSpPr>
      <xdr:spPr>
        <a:xfrm>
          <a:off x="10602761" y="917703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629" name="直線コネクタ 628"/>
        <xdr:cNvCxnSpPr/>
      </xdr:nvCxnSpPr>
      <xdr:spPr>
        <a:xfrm>
          <a:off x="10960100" y="894207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630" name="テキスト ボックス 629"/>
        <xdr:cNvSpPr txBox="1"/>
      </xdr:nvSpPr>
      <xdr:spPr>
        <a:xfrm>
          <a:off x="10666881" y="880365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631" name="【保健センター・保健所】&#10;有形固定資産減価償却率グラフ枠"/>
        <xdr:cNvSpPr/>
      </xdr:nvSpPr>
      <xdr:spPr>
        <a:xfrm>
          <a:off x="10960100" y="8942070"/>
          <a:ext cx="415290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85725</xdr:rowOff>
    </xdr:from>
    <xdr:to>
      <xdr:col>85</xdr:col>
      <xdr:colOff>126364</xdr:colOff>
      <xdr:row>62</xdr:row>
      <xdr:rowOff>156210</xdr:rowOff>
    </xdr:to>
    <xdr:cxnSp macro="">
      <xdr:nvCxnSpPr>
        <xdr:cNvPr id="632" name="直線コネクタ 631"/>
        <xdr:cNvCxnSpPr/>
      </xdr:nvCxnSpPr>
      <xdr:spPr>
        <a:xfrm flipV="1">
          <a:off x="14375764" y="9305925"/>
          <a:ext cx="0" cy="12439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60037</xdr:rowOff>
    </xdr:from>
    <xdr:ext cx="405111" cy="259045"/>
    <xdr:sp macro="" textlink="">
      <xdr:nvSpPr>
        <xdr:cNvPr id="633" name="【保健センター・保健所】&#10;有形固定資産減価償却率最小値テキスト"/>
        <xdr:cNvSpPr txBox="1"/>
      </xdr:nvSpPr>
      <xdr:spPr>
        <a:xfrm>
          <a:off x="14414500" y="1055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56210</xdr:rowOff>
    </xdr:from>
    <xdr:to>
      <xdr:col>86</xdr:col>
      <xdr:colOff>25400</xdr:colOff>
      <xdr:row>62</xdr:row>
      <xdr:rowOff>156210</xdr:rowOff>
    </xdr:to>
    <xdr:cxnSp macro="">
      <xdr:nvCxnSpPr>
        <xdr:cNvPr id="634" name="直線コネクタ 633"/>
        <xdr:cNvCxnSpPr/>
      </xdr:nvCxnSpPr>
      <xdr:spPr>
        <a:xfrm>
          <a:off x="14287500" y="1054989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32402</xdr:rowOff>
    </xdr:from>
    <xdr:ext cx="405111" cy="259045"/>
    <xdr:sp macro="" textlink="">
      <xdr:nvSpPr>
        <xdr:cNvPr id="635" name="【保健センター・保健所】&#10;有形固定資産減価償却率最大値テキスト"/>
        <xdr:cNvSpPr txBox="1"/>
      </xdr:nvSpPr>
      <xdr:spPr>
        <a:xfrm>
          <a:off x="14414500" y="90849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85725</xdr:rowOff>
    </xdr:from>
    <xdr:to>
      <xdr:col>86</xdr:col>
      <xdr:colOff>25400</xdr:colOff>
      <xdr:row>55</xdr:row>
      <xdr:rowOff>85725</xdr:rowOff>
    </xdr:to>
    <xdr:cxnSp macro="">
      <xdr:nvCxnSpPr>
        <xdr:cNvPr id="636" name="直線コネクタ 635"/>
        <xdr:cNvCxnSpPr/>
      </xdr:nvCxnSpPr>
      <xdr:spPr>
        <a:xfrm>
          <a:off x="14287500" y="9305925"/>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72407</xdr:rowOff>
    </xdr:from>
    <xdr:ext cx="405111" cy="259045"/>
    <xdr:sp macro="" textlink="">
      <xdr:nvSpPr>
        <xdr:cNvPr id="637" name="【保健センター・保健所】&#10;有形固定資産減価償却率平均値テキスト"/>
        <xdr:cNvSpPr txBox="1"/>
      </xdr:nvSpPr>
      <xdr:spPr>
        <a:xfrm>
          <a:off x="14414500" y="97955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93980</xdr:rowOff>
    </xdr:from>
    <xdr:to>
      <xdr:col>85</xdr:col>
      <xdr:colOff>177800</xdr:colOff>
      <xdr:row>59</xdr:row>
      <xdr:rowOff>24130</xdr:rowOff>
    </xdr:to>
    <xdr:sp macro="" textlink="">
      <xdr:nvSpPr>
        <xdr:cNvPr id="638" name="フローチャート: 判断 637"/>
        <xdr:cNvSpPr/>
      </xdr:nvSpPr>
      <xdr:spPr>
        <a:xfrm>
          <a:off x="14325600" y="9817100"/>
          <a:ext cx="9398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124460</xdr:rowOff>
    </xdr:from>
    <xdr:to>
      <xdr:col>81</xdr:col>
      <xdr:colOff>101600</xdr:colOff>
      <xdr:row>59</xdr:row>
      <xdr:rowOff>54610</xdr:rowOff>
    </xdr:to>
    <xdr:sp macro="" textlink="">
      <xdr:nvSpPr>
        <xdr:cNvPr id="639" name="フローチャート: 判断 638"/>
        <xdr:cNvSpPr/>
      </xdr:nvSpPr>
      <xdr:spPr>
        <a:xfrm>
          <a:off x="13578840" y="98475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82550</xdr:rowOff>
    </xdr:from>
    <xdr:to>
      <xdr:col>76</xdr:col>
      <xdr:colOff>165100</xdr:colOff>
      <xdr:row>59</xdr:row>
      <xdr:rowOff>12700</xdr:rowOff>
    </xdr:to>
    <xdr:sp macro="" textlink="">
      <xdr:nvSpPr>
        <xdr:cNvPr id="640" name="フローチャート: 判断 639"/>
        <xdr:cNvSpPr/>
      </xdr:nvSpPr>
      <xdr:spPr>
        <a:xfrm>
          <a:off x="12804140" y="980567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7</xdr:row>
      <xdr:rowOff>95885</xdr:rowOff>
    </xdr:from>
    <xdr:to>
      <xdr:col>72</xdr:col>
      <xdr:colOff>38100</xdr:colOff>
      <xdr:row>58</xdr:row>
      <xdr:rowOff>26035</xdr:rowOff>
    </xdr:to>
    <xdr:sp macro="" textlink="">
      <xdr:nvSpPr>
        <xdr:cNvPr id="641" name="フローチャート: 判断 640"/>
        <xdr:cNvSpPr/>
      </xdr:nvSpPr>
      <xdr:spPr>
        <a:xfrm>
          <a:off x="12029440" y="965136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101600</xdr:rowOff>
    </xdr:from>
    <xdr:to>
      <xdr:col>67</xdr:col>
      <xdr:colOff>101600</xdr:colOff>
      <xdr:row>58</xdr:row>
      <xdr:rowOff>31750</xdr:rowOff>
    </xdr:to>
    <xdr:sp macro="" textlink="">
      <xdr:nvSpPr>
        <xdr:cNvPr id="642" name="フローチャート: 判断 641"/>
        <xdr:cNvSpPr/>
      </xdr:nvSpPr>
      <xdr:spPr>
        <a:xfrm>
          <a:off x="11231880" y="9657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43" name="テキスト ボックス 642"/>
        <xdr:cNvSpPr txBox="1"/>
      </xdr:nvSpPr>
      <xdr:spPr>
        <a:xfrm>
          <a:off x="1420876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44" name="テキスト ボックス 643"/>
        <xdr:cNvSpPr txBox="1"/>
      </xdr:nvSpPr>
      <xdr:spPr>
        <a:xfrm>
          <a:off x="134620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45" name="テキスト ボックス 644"/>
        <xdr:cNvSpPr txBox="1"/>
      </xdr:nvSpPr>
      <xdr:spPr>
        <a:xfrm>
          <a:off x="126873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46" name="テキスト ボックス 645"/>
        <xdr:cNvSpPr txBox="1"/>
      </xdr:nvSpPr>
      <xdr:spPr>
        <a:xfrm>
          <a:off x="119049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47" name="テキスト ボックス 646"/>
        <xdr:cNvSpPr txBox="1"/>
      </xdr:nvSpPr>
      <xdr:spPr>
        <a:xfrm>
          <a:off x="111150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2555</xdr:rowOff>
    </xdr:from>
    <xdr:to>
      <xdr:col>85</xdr:col>
      <xdr:colOff>177800</xdr:colOff>
      <xdr:row>57</xdr:row>
      <xdr:rowOff>52705</xdr:rowOff>
    </xdr:to>
    <xdr:sp macro="" textlink="">
      <xdr:nvSpPr>
        <xdr:cNvPr id="648" name="楕円 647"/>
        <xdr:cNvSpPr/>
      </xdr:nvSpPr>
      <xdr:spPr>
        <a:xfrm>
          <a:off x="14325600" y="9510395"/>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145432</xdr:rowOff>
    </xdr:from>
    <xdr:ext cx="405111" cy="259045"/>
    <xdr:sp macro="" textlink="">
      <xdr:nvSpPr>
        <xdr:cNvPr id="649" name="【保健センター・保健所】&#10;有形固定資産減価償却率該当値テキスト"/>
        <xdr:cNvSpPr txBox="1"/>
      </xdr:nvSpPr>
      <xdr:spPr>
        <a:xfrm>
          <a:off x="14414500" y="9365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84455</xdr:rowOff>
    </xdr:from>
    <xdr:to>
      <xdr:col>81</xdr:col>
      <xdr:colOff>101600</xdr:colOff>
      <xdr:row>57</xdr:row>
      <xdr:rowOff>14605</xdr:rowOff>
    </xdr:to>
    <xdr:sp macro="" textlink="">
      <xdr:nvSpPr>
        <xdr:cNvPr id="650" name="楕円 649"/>
        <xdr:cNvSpPr/>
      </xdr:nvSpPr>
      <xdr:spPr>
        <a:xfrm>
          <a:off x="13578840" y="947229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135255</xdr:rowOff>
    </xdr:from>
    <xdr:to>
      <xdr:col>85</xdr:col>
      <xdr:colOff>127000</xdr:colOff>
      <xdr:row>57</xdr:row>
      <xdr:rowOff>1905</xdr:rowOff>
    </xdr:to>
    <xdr:cxnSp macro="">
      <xdr:nvCxnSpPr>
        <xdr:cNvPr id="651" name="直線コネクタ 650"/>
        <xdr:cNvCxnSpPr/>
      </xdr:nvCxnSpPr>
      <xdr:spPr>
        <a:xfrm>
          <a:off x="13629640" y="9523095"/>
          <a:ext cx="74676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40640</xdr:rowOff>
    </xdr:from>
    <xdr:to>
      <xdr:col>76</xdr:col>
      <xdr:colOff>165100</xdr:colOff>
      <xdr:row>56</xdr:row>
      <xdr:rowOff>142240</xdr:rowOff>
    </xdr:to>
    <xdr:sp macro="" textlink="">
      <xdr:nvSpPr>
        <xdr:cNvPr id="652" name="楕円 651"/>
        <xdr:cNvSpPr/>
      </xdr:nvSpPr>
      <xdr:spPr>
        <a:xfrm>
          <a:off x="12804140" y="94284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91440</xdr:rowOff>
    </xdr:from>
    <xdr:to>
      <xdr:col>81</xdr:col>
      <xdr:colOff>50800</xdr:colOff>
      <xdr:row>56</xdr:row>
      <xdr:rowOff>135255</xdr:rowOff>
    </xdr:to>
    <xdr:cxnSp macro="">
      <xdr:nvCxnSpPr>
        <xdr:cNvPr id="653" name="直線コネクタ 652"/>
        <xdr:cNvCxnSpPr/>
      </xdr:nvCxnSpPr>
      <xdr:spPr>
        <a:xfrm>
          <a:off x="12854940" y="9479280"/>
          <a:ext cx="77470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5</xdr:row>
      <xdr:rowOff>168275</xdr:rowOff>
    </xdr:from>
    <xdr:to>
      <xdr:col>72</xdr:col>
      <xdr:colOff>38100</xdr:colOff>
      <xdr:row>56</xdr:row>
      <xdr:rowOff>98425</xdr:rowOff>
    </xdr:to>
    <xdr:sp macro="" textlink="">
      <xdr:nvSpPr>
        <xdr:cNvPr id="654" name="楕円 653"/>
        <xdr:cNvSpPr/>
      </xdr:nvSpPr>
      <xdr:spPr>
        <a:xfrm>
          <a:off x="12029440" y="9388475"/>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47625</xdr:rowOff>
    </xdr:from>
    <xdr:to>
      <xdr:col>76</xdr:col>
      <xdr:colOff>114300</xdr:colOff>
      <xdr:row>56</xdr:row>
      <xdr:rowOff>91440</xdr:rowOff>
    </xdr:to>
    <xdr:cxnSp macro="">
      <xdr:nvCxnSpPr>
        <xdr:cNvPr id="655" name="直線コネクタ 654"/>
        <xdr:cNvCxnSpPr/>
      </xdr:nvCxnSpPr>
      <xdr:spPr>
        <a:xfrm>
          <a:off x="12072620" y="9435465"/>
          <a:ext cx="782320" cy="43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5</xdr:row>
      <xdr:rowOff>151130</xdr:rowOff>
    </xdr:from>
    <xdr:to>
      <xdr:col>67</xdr:col>
      <xdr:colOff>101600</xdr:colOff>
      <xdr:row>56</xdr:row>
      <xdr:rowOff>81280</xdr:rowOff>
    </xdr:to>
    <xdr:sp macro="" textlink="">
      <xdr:nvSpPr>
        <xdr:cNvPr id="656" name="楕円 655"/>
        <xdr:cNvSpPr/>
      </xdr:nvSpPr>
      <xdr:spPr>
        <a:xfrm>
          <a:off x="11231880" y="93713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30480</xdr:rowOff>
    </xdr:from>
    <xdr:to>
      <xdr:col>71</xdr:col>
      <xdr:colOff>177800</xdr:colOff>
      <xdr:row>56</xdr:row>
      <xdr:rowOff>47625</xdr:rowOff>
    </xdr:to>
    <xdr:cxnSp macro="">
      <xdr:nvCxnSpPr>
        <xdr:cNvPr id="657" name="直線コネクタ 656"/>
        <xdr:cNvCxnSpPr/>
      </xdr:nvCxnSpPr>
      <xdr:spPr>
        <a:xfrm>
          <a:off x="11282680" y="9418320"/>
          <a:ext cx="78994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45737</xdr:rowOff>
    </xdr:from>
    <xdr:ext cx="405111" cy="259045"/>
    <xdr:sp macro="" textlink="">
      <xdr:nvSpPr>
        <xdr:cNvPr id="658" name="n_1aveValue【保健センター・保健所】&#10;有形固定資産減価償却率"/>
        <xdr:cNvSpPr txBox="1"/>
      </xdr:nvSpPr>
      <xdr:spPr>
        <a:xfrm>
          <a:off x="13437244" y="9936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827</xdr:rowOff>
    </xdr:from>
    <xdr:ext cx="405111" cy="259045"/>
    <xdr:sp macro="" textlink="">
      <xdr:nvSpPr>
        <xdr:cNvPr id="659" name="n_2aveValue【保健センター・保健所】&#10;有形固定資産減価償却率"/>
        <xdr:cNvSpPr txBox="1"/>
      </xdr:nvSpPr>
      <xdr:spPr>
        <a:xfrm>
          <a:off x="12675244" y="9894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17162</xdr:rowOff>
    </xdr:from>
    <xdr:ext cx="405111" cy="259045"/>
    <xdr:sp macro="" textlink="">
      <xdr:nvSpPr>
        <xdr:cNvPr id="660" name="n_3aveValue【保健センター・保健所】&#10;有形固定資産減価償却率"/>
        <xdr:cNvSpPr txBox="1"/>
      </xdr:nvSpPr>
      <xdr:spPr>
        <a:xfrm>
          <a:off x="11900544" y="9740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2877</xdr:rowOff>
    </xdr:from>
    <xdr:ext cx="405111" cy="259045"/>
    <xdr:sp macro="" textlink="">
      <xdr:nvSpPr>
        <xdr:cNvPr id="661" name="n_4aveValue【保健センター・保健所】&#10;有形固定資産減価償却率"/>
        <xdr:cNvSpPr txBox="1"/>
      </xdr:nvSpPr>
      <xdr:spPr>
        <a:xfrm>
          <a:off x="11102984" y="9745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5</xdr:row>
      <xdr:rowOff>31132</xdr:rowOff>
    </xdr:from>
    <xdr:ext cx="405111" cy="259045"/>
    <xdr:sp macro="" textlink="">
      <xdr:nvSpPr>
        <xdr:cNvPr id="662" name="n_1mainValue【保健センター・保健所】&#10;有形固定資産減価償却率"/>
        <xdr:cNvSpPr txBox="1"/>
      </xdr:nvSpPr>
      <xdr:spPr>
        <a:xfrm>
          <a:off x="13437244" y="9251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58767</xdr:rowOff>
    </xdr:from>
    <xdr:ext cx="405111" cy="259045"/>
    <xdr:sp macro="" textlink="">
      <xdr:nvSpPr>
        <xdr:cNvPr id="663" name="n_2mainValue【保健センター・保健所】&#10;有形固定資産減価償却率"/>
        <xdr:cNvSpPr txBox="1"/>
      </xdr:nvSpPr>
      <xdr:spPr>
        <a:xfrm>
          <a:off x="12675244" y="9211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4</xdr:row>
      <xdr:rowOff>114952</xdr:rowOff>
    </xdr:from>
    <xdr:ext cx="405111" cy="259045"/>
    <xdr:sp macro="" textlink="">
      <xdr:nvSpPr>
        <xdr:cNvPr id="664" name="n_3mainValue【保健センター・保健所】&#10;有形固定資産減価償却率"/>
        <xdr:cNvSpPr txBox="1"/>
      </xdr:nvSpPr>
      <xdr:spPr>
        <a:xfrm>
          <a:off x="11900544" y="916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4</xdr:row>
      <xdr:rowOff>97807</xdr:rowOff>
    </xdr:from>
    <xdr:ext cx="405111" cy="259045"/>
    <xdr:sp macro="" textlink="">
      <xdr:nvSpPr>
        <xdr:cNvPr id="665" name="n_4mainValue【保健センター・保健所】&#10;有形固定資産減価償却率"/>
        <xdr:cNvSpPr txBox="1"/>
      </xdr:nvSpPr>
      <xdr:spPr>
        <a:xfrm>
          <a:off x="11102984" y="915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66" name="正方形/長方形 665"/>
        <xdr:cNvSpPr/>
      </xdr:nvSpPr>
      <xdr:spPr>
        <a:xfrm>
          <a:off x="16093440" y="782574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67" name="正方形/長方形 666"/>
        <xdr:cNvSpPr/>
      </xdr:nvSpPr>
      <xdr:spPr>
        <a:xfrm>
          <a:off x="1622044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68" name="正方形/長方形 667"/>
        <xdr:cNvSpPr/>
      </xdr:nvSpPr>
      <xdr:spPr>
        <a:xfrm>
          <a:off x="1622044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69" name="正方形/長方形 668"/>
        <xdr:cNvSpPr/>
      </xdr:nvSpPr>
      <xdr:spPr>
        <a:xfrm>
          <a:off x="1709928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70" name="正方形/長方形 669"/>
        <xdr:cNvSpPr/>
      </xdr:nvSpPr>
      <xdr:spPr>
        <a:xfrm>
          <a:off x="1709928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71" name="正方形/長方形 670"/>
        <xdr:cNvSpPr/>
      </xdr:nvSpPr>
      <xdr:spPr>
        <a:xfrm>
          <a:off x="18105120" y="847090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72" name="正方形/長方形 671"/>
        <xdr:cNvSpPr/>
      </xdr:nvSpPr>
      <xdr:spPr>
        <a:xfrm>
          <a:off x="18105120" y="867029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73" name="正方形/長方形 672"/>
        <xdr:cNvSpPr/>
      </xdr:nvSpPr>
      <xdr:spPr>
        <a:xfrm>
          <a:off x="16093440" y="8942070"/>
          <a:ext cx="4175760" cy="223647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74" name="テキスト ボックス 673"/>
        <xdr:cNvSpPr txBox="1"/>
      </xdr:nvSpPr>
      <xdr:spPr>
        <a:xfrm>
          <a:off x="16078200" y="875538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75" name="直線コネクタ 674"/>
        <xdr:cNvCxnSpPr/>
      </xdr:nvCxnSpPr>
      <xdr:spPr>
        <a:xfrm>
          <a:off x="16093440" y="1117854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76" name="直線コネクタ 675"/>
        <xdr:cNvCxnSpPr/>
      </xdr:nvCxnSpPr>
      <xdr:spPr>
        <a:xfrm>
          <a:off x="16093440" y="1080516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77" name="テキスト ボックス 676"/>
        <xdr:cNvSpPr txBox="1"/>
      </xdr:nvSpPr>
      <xdr:spPr>
        <a:xfrm>
          <a:off x="15694841" y="1066674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78" name="直線コネクタ 677"/>
        <xdr:cNvCxnSpPr/>
      </xdr:nvCxnSpPr>
      <xdr:spPr>
        <a:xfrm>
          <a:off x="16093440" y="1043178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79" name="テキスト ボックス 678"/>
        <xdr:cNvSpPr txBox="1"/>
      </xdr:nvSpPr>
      <xdr:spPr>
        <a:xfrm>
          <a:off x="15694841" y="1029336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80" name="直線コネクタ 679"/>
        <xdr:cNvCxnSpPr/>
      </xdr:nvCxnSpPr>
      <xdr:spPr>
        <a:xfrm>
          <a:off x="16093440" y="1005840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81" name="テキスト ボックス 680"/>
        <xdr:cNvSpPr txBox="1"/>
      </xdr:nvSpPr>
      <xdr:spPr>
        <a:xfrm>
          <a:off x="15694841" y="991998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82" name="直線コネクタ 681"/>
        <xdr:cNvCxnSpPr/>
      </xdr:nvCxnSpPr>
      <xdr:spPr>
        <a:xfrm>
          <a:off x="16093440" y="96888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83" name="テキスト ボックス 682"/>
        <xdr:cNvSpPr txBox="1"/>
      </xdr:nvSpPr>
      <xdr:spPr>
        <a:xfrm>
          <a:off x="15694841" y="95504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84" name="直線コネクタ 683"/>
        <xdr:cNvCxnSpPr/>
      </xdr:nvCxnSpPr>
      <xdr:spPr>
        <a:xfrm>
          <a:off x="16093440" y="931545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85" name="テキスト ボックス 684"/>
        <xdr:cNvSpPr txBox="1"/>
      </xdr:nvSpPr>
      <xdr:spPr>
        <a:xfrm>
          <a:off x="15694841" y="917703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86" name="直線コネクタ 685"/>
        <xdr:cNvCxnSpPr/>
      </xdr:nvCxnSpPr>
      <xdr:spPr>
        <a:xfrm>
          <a:off x="16093440" y="894207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87" name="テキスト ボックス 686"/>
        <xdr:cNvSpPr txBox="1"/>
      </xdr:nvSpPr>
      <xdr:spPr>
        <a:xfrm>
          <a:off x="15694841" y="880365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88" name="【保健センター・保健所】&#10;一人当たり面積グラフ枠"/>
        <xdr:cNvSpPr/>
      </xdr:nvSpPr>
      <xdr:spPr>
        <a:xfrm>
          <a:off x="16093440" y="8942070"/>
          <a:ext cx="4175760" cy="223647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38100</xdr:rowOff>
    </xdr:to>
    <xdr:cxnSp macro="">
      <xdr:nvCxnSpPr>
        <xdr:cNvPr id="689" name="直線コネクタ 688"/>
        <xdr:cNvCxnSpPr/>
      </xdr:nvCxnSpPr>
      <xdr:spPr>
        <a:xfrm flipV="1">
          <a:off x="19509104" y="9387840"/>
          <a:ext cx="0" cy="13792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690" name="【保健センター・保健所】&#10;一人当たり面積最小値テキスト"/>
        <xdr:cNvSpPr txBox="1"/>
      </xdr:nvSpPr>
      <xdr:spPr>
        <a:xfrm>
          <a:off x="19547840" y="107708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691" name="直線コネクタ 690"/>
        <xdr:cNvCxnSpPr/>
      </xdr:nvCxnSpPr>
      <xdr:spPr>
        <a:xfrm>
          <a:off x="19443700" y="1076706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92" name="【保健センター・保健所】&#10;一人当たり面積最大値テキスト"/>
        <xdr:cNvSpPr txBox="1"/>
      </xdr:nvSpPr>
      <xdr:spPr>
        <a:xfrm>
          <a:off x="19547840" y="9170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93" name="直線コネクタ 692"/>
        <xdr:cNvCxnSpPr/>
      </xdr:nvCxnSpPr>
      <xdr:spPr>
        <a:xfrm>
          <a:off x="19443700" y="9387840"/>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3827</xdr:rowOff>
    </xdr:from>
    <xdr:ext cx="469744" cy="259045"/>
    <xdr:sp macro="" textlink="">
      <xdr:nvSpPr>
        <xdr:cNvPr id="694" name="【保健センター・保健所】&#10;一人当たり面積平均値テキスト"/>
        <xdr:cNvSpPr txBox="1"/>
      </xdr:nvSpPr>
      <xdr:spPr>
        <a:xfrm>
          <a:off x="19547840" y="103975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695" name="フローチャート: 判断 694"/>
        <xdr:cNvSpPr/>
      </xdr:nvSpPr>
      <xdr:spPr>
        <a:xfrm>
          <a:off x="1945894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0</xdr:rowOff>
    </xdr:from>
    <xdr:to>
      <xdr:col>112</xdr:col>
      <xdr:colOff>38100</xdr:colOff>
      <xdr:row>62</xdr:row>
      <xdr:rowOff>127000</xdr:rowOff>
    </xdr:to>
    <xdr:sp macro="" textlink="">
      <xdr:nvSpPr>
        <xdr:cNvPr id="696" name="フローチャート: 判断 695"/>
        <xdr:cNvSpPr/>
      </xdr:nvSpPr>
      <xdr:spPr>
        <a:xfrm>
          <a:off x="18735040" y="1041908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63500</xdr:rowOff>
    </xdr:from>
    <xdr:to>
      <xdr:col>107</xdr:col>
      <xdr:colOff>101600</xdr:colOff>
      <xdr:row>62</xdr:row>
      <xdr:rowOff>165100</xdr:rowOff>
    </xdr:to>
    <xdr:sp macro="" textlink="">
      <xdr:nvSpPr>
        <xdr:cNvPr id="697" name="フローチャート: 判断 696"/>
        <xdr:cNvSpPr/>
      </xdr:nvSpPr>
      <xdr:spPr>
        <a:xfrm>
          <a:off x="1793748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4450</xdr:rowOff>
    </xdr:from>
    <xdr:to>
      <xdr:col>102</xdr:col>
      <xdr:colOff>165100</xdr:colOff>
      <xdr:row>62</xdr:row>
      <xdr:rowOff>146050</xdr:rowOff>
    </xdr:to>
    <xdr:sp macro="" textlink="">
      <xdr:nvSpPr>
        <xdr:cNvPr id="698" name="フローチャート: 判断 697"/>
        <xdr:cNvSpPr/>
      </xdr:nvSpPr>
      <xdr:spPr>
        <a:xfrm>
          <a:off x="17162780" y="104381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4450</xdr:rowOff>
    </xdr:from>
    <xdr:to>
      <xdr:col>98</xdr:col>
      <xdr:colOff>38100</xdr:colOff>
      <xdr:row>62</xdr:row>
      <xdr:rowOff>146050</xdr:rowOff>
    </xdr:to>
    <xdr:sp macro="" textlink="">
      <xdr:nvSpPr>
        <xdr:cNvPr id="699" name="フローチャート: 判断 698"/>
        <xdr:cNvSpPr/>
      </xdr:nvSpPr>
      <xdr:spPr>
        <a:xfrm>
          <a:off x="16388080" y="10438130"/>
          <a:ext cx="7874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700" name="テキスト ボックス 699"/>
        <xdr:cNvSpPr txBox="1"/>
      </xdr:nvSpPr>
      <xdr:spPr>
        <a:xfrm>
          <a:off x="1934210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701" name="テキスト ボックス 700"/>
        <xdr:cNvSpPr txBox="1"/>
      </xdr:nvSpPr>
      <xdr:spPr>
        <a:xfrm>
          <a:off x="1861058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702" name="テキスト ボックス 701"/>
        <xdr:cNvSpPr txBox="1"/>
      </xdr:nvSpPr>
      <xdr:spPr>
        <a:xfrm>
          <a:off x="178206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703" name="テキスト ボックス 702"/>
        <xdr:cNvSpPr txBox="1"/>
      </xdr:nvSpPr>
      <xdr:spPr>
        <a:xfrm>
          <a:off x="1704594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704" name="テキスト ボックス 703"/>
        <xdr:cNvSpPr txBox="1"/>
      </xdr:nvSpPr>
      <xdr:spPr>
        <a:xfrm>
          <a:off x="16263620" y="11176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120650</xdr:rowOff>
    </xdr:from>
    <xdr:to>
      <xdr:col>116</xdr:col>
      <xdr:colOff>114300</xdr:colOff>
      <xdr:row>62</xdr:row>
      <xdr:rowOff>50800</xdr:rowOff>
    </xdr:to>
    <xdr:sp macro="" textlink="">
      <xdr:nvSpPr>
        <xdr:cNvPr id="705" name="楕円 704"/>
        <xdr:cNvSpPr/>
      </xdr:nvSpPr>
      <xdr:spPr>
        <a:xfrm>
          <a:off x="19458940" y="103466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0</xdr:row>
      <xdr:rowOff>143527</xdr:rowOff>
    </xdr:from>
    <xdr:ext cx="469744" cy="259045"/>
    <xdr:sp macro="" textlink="">
      <xdr:nvSpPr>
        <xdr:cNvPr id="706" name="【保健センター・保健所】&#10;一人当たり面積該当値テキスト"/>
        <xdr:cNvSpPr txBox="1"/>
      </xdr:nvSpPr>
      <xdr:spPr>
        <a:xfrm>
          <a:off x="19547840"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20650</xdr:rowOff>
    </xdr:from>
    <xdr:to>
      <xdr:col>112</xdr:col>
      <xdr:colOff>38100</xdr:colOff>
      <xdr:row>62</xdr:row>
      <xdr:rowOff>50800</xdr:rowOff>
    </xdr:to>
    <xdr:sp macro="" textlink="">
      <xdr:nvSpPr>
        <xdr:cNvPr id="707" name="楕円 706"/>
        <xdr:cNvSpPr/>
      </xdr:nvSpPr>
      <xdr:spPr>
        <a:xfrm>
          <a:off x="18735040" y="1034669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0</xdr:rowOff>
    </xdr:from>
    <xdr:to>
      <xdr:col>116</xdr:col>
      <xdr:colOff>63500</xdr:colOff>
      <xdr:row>62</xdr:row>
      <xdr:rowOff>0</xdr:rowOff>
    </xdr:to>
    <xdr:cxnSp macro="">
      <xdr:nvCxnSpPr>
        <xdr:cNvPr id="708" name="直線コネクタ 707"/>
        <xdr:cNvCxnSpPr/>
      </xdr:nvCxnSpPr>
      <xdr:spPr>
        <a:xfrm>
          <a:off x="18778220" y="10393680"/>
          <a:ext cx="7315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20650</xdr:rowOff>
    </xdr:from>
    <xdr:to>
      <xdr:col>107</xdr:col>
      <xdr:colOff>101600</xdr:colOff>
      <xdr:row>62</xdr:row>
      <xdr:rowOff>50800</xdr:rowOff>
    </xdr:to>
    <xdr:sp macro="" textlink="">
      <xdr:nvSpPr>
        <xdr:cNvPr id="709" name="楕円 708"/>
        <xdr:cNvSpPr/>
      </xdr:nvSpPr>
      <xdr:spPr>
        <a:xfrm>
          <a:off x="17937480" y="1034669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0</xdr:rowOff>
    </xdr:from>
    <xdr:to>
      <xdr:col>111</xdr:col>
      <xdr:colOff>177800</xdr:colOff>
      <xdr:row>62</xdr:row>
      <xdr:rowOff>0</xdr:rowOff>
    </xdr:to>
    <xdr:cxnSp macro="">
      <xdr:nvCxnSpPr>
        <xdr:cNvPr id="710" name="直線コネクタ 709"/>
        <xdr:cNvCxnSpPr/>
      </xdr:nvCxnSpPr>
      <xdr:spPr>
        <a:xfrm>
          <a:off x="17988280" y="10393680"/>
          <a:ext cx="78994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101600</xdr:rowOff>
    </xdr:from>
    <xdr:to>
      <xdr:col>102</xdr:col>
      <xdr:colOff>165100</xdr:colOff>
      <xdr:row>62</xdr:row>
      <xdr:rowOff>31750</xdr:rowOff>
    </xdr:to>
    <xdr:sp macro="" textlink="">
      <xdr:nvSpPr>
        <xdr:cNvPr id="711" name="楕円 710"/>
        <xdr:cNvSpPr/>
      </xdr:nvSpPr>
      <xdr:spPr>
        <a:xfrm>
          <a:off x="17162780" y="1032764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52400</xdr:rowOff>
    </xdr:from>
    <xdr:to>
      <xdr:col>107</xdr:col>
      <xdr:colOff>50800</xdr:colOff>
      <xdr:row>62</xdr:row>
      <xdr:rowOff>0</xdr:rowOff>
    </xdr:to>
    <xdr:cxnSp macro="">
      <xdr:nvCxnSpPr>
        <xdr:cNvPr id="712" name="直線コネクタ 711"/>
        <xdr:cNvCxnSpPr/>
      </xdr:nvCxnSpPr>
      <xdr:spPr>
        <a:xfrm>
          <a:off x="17213580" y="10378440"/>
          <a:ext cx="7747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101600</xdr:rowOff>
    </xdr:from>
    <xdr:to>
      <xdr:col>98</xdr:col>
      <xdr:colOff>38100</xdr:colOff>
      <xdr:row>62</xdr:row>
      <xdr:rowOff>31750</xdr:rowOff>
    </xdr:to>
    <xdr:sp macro="" textlink="">
      <xdr:nvSpPr>
        <xdr:cNvPr id="713" name="楕円 712"/>
        <xdr:cNvSpPr/>
      </xdr:nvSpPr>
      <xdr:spPr>
        <a:xfrm>
          <a:off x="16388080" y="10327640"/>
          <a:ext cx="7874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52400</xdr:rowOff>
    </xdr:from>
    <xdr:to>
      <xdr:col>102</xdr:col>
      <xdr:colOff>114300</xdr:colOff>
      <xdr:row>61</xdr:row>
      <xdr:rowOff>152400</xdr:rowOff>
    </xdr:to>
    <xdr:cxnSp macro="">
      <xdr:nvCxnSpPr>
        <xdr:cNvPr id="714" name="直線コネクタ 713"/>
        <xdr:cNvCxnSpPr/>
      </xdr:nvCxnSpPr>
      <xdr:spPr>
        <a:xfrm>
          <a:off x="16431260" y="10378440"/>
          <a:ext cx="78232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18127</xdr:rowOff>
    </xdr:from>
    <xdr:ext cx="469744" cy="259045"/>
    <xdr:sp macro="" textlink="">
      <xdr:nvSpPr>
        <xdr:cNvPr id="715" name="n_1aveValue【保健センター・保健所】&#10;一人当たり面積"/>
        <xdr:cNvSpPr txBox="1"/>
      </xdr:nvSpPr>
      <xdr:spPr>
        <a:xfrm>
          <a:off x="18561127" y="1051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56227</xdr:rowOff>
    </xdr:from>
    <xdr:ext cx="469744" cy="259045"/>
    <xdr:sp macro="" textlink="">
      <xdr:nvSpPr>
        <xdr:cNvPr id="716" name="n_2aveValue【保健センター・保健所】&#10;一人当たり面積"/>
        <xdr:cNvSpPr txBox="1"/>
      </xdr:nvSpPr>
      <xdr:spPr>
        <a:xfrm>
          <a:off x="17776267" y="1054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37177</xdr:rowOff>
    </xdr:from>
    <xdr:ext cx="469744" cy="259045"/>
    <xdr:sp macro="" textlink="">
      <xdr:nvSpPr>
        <xdr:cNvPr id="717" name="n_3aveValue【保健センター・保健所】&#10;一人当たり面積"/>
        <xdr:cNvSpPr txBox="1"/>
      </xdr:nvSpPr>
      <xdr:spPr>
        <a:xfrm>
          <a:off x="1700156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137177</xdr:rowOff>
    </xdr:from>
    <xdr:ext cx="469744" cy="259045"/>
    <xdr:sp macro="" textlink="">
      <xdr:nvSpPr>
        <xdr:cNvPr id="718" name="n_4aveValue【保健センター・保健所】&#10;一人当たり面積"/>
        <xdr:cNvSpPr txBox="1"/>
      </xdr:nvSpPr>
      <xdr:spPr>
        <a:xfrm>
          <a:off x="16226867" y="1053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0</xdr:row>
      <xdr:rowOff>67327</xdr:rowOff>
    </xdr:from>
    <xdr:ext cx="469744" cy="259045"/>
    <xdr:sp macro="" textlink="">
      <xdr:nvSpPr>
        <xdr:cNvPr id="719" name="n_1mainValue【保健センター・保健所】&#10;一人当たり面積"/>
        <xdr:cNvSpPr txBox="1"/>
      </xdr:nvSpPr>
      <xdr:spPr>
        <a:xfrm>
          <a:off x="1856112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67327</xdr:rowOff>
    </xdr:from>
    <xdr:ext cx="469744" cy="259045"/>
    <xdr:sp macro="" textlink="">
      <xdr:nvSpPr>
        <xdr:cNvPr id="720" name="n_2mainValue【保健センター・保健所】&#10;一人当たり面積"/>
        <xdr:cNvSpPr txBox="1"/>
      </xdr:nvSpPr>
      <xdr:spPr>
        <a:xfrm>
          <a:off x="17776267" y="1012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48277</xdr:rowOff>
    </xdr:from>
    <xdr:ext cx="469744" cy="259045"/>
    <xdr:sp macro="" textlink="">
      <xdr:nvSpPr>
        <xdr:cNvPr id="721" name="n_3mainValue【保健センター・保健所】&#10;一人当たり面積"/>
        <xdr:cNvSpPr txBox="1"/>
      </xdr:nvSpPr>
      <xdr:spPr>
        <a:xfrm>
          <a:off x="17001567" y="1010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48277</xdr:rowOff>
    </xdr:from>
    <xdr:ext cx="469744" cy="259045"/>
    <xdr:sp macro="" textlink="">
      <xdr:nvSpPr>
        <xdr:cNvPr id="722" name="n_4mainValue【保健センター・保健所】&#10;一人当たり面積"/>
        <xdr:cNvSpPr txBox="1"/>
      </xdr:nvSpPr>
      <xdr:spPr>
        <a:xfrm>
          <a:off x="16226867" y="1010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723" name="正方形/長方形 722"/>
        <xdr:cNvSpPr/>
      </xdr:nvSpPr>
      <xdr:spPr>
        <a:xfrm>
          <a:off x="10960100" y="11551920"/>
          <a:ext cx="415290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724" name="正方形/長方形 723"/>
        <xdr:cNvSpPr/>
      </xdr:nvSpPr>
      <xdr:spPr>
        <a:xfrm>
          <a:off x="1096010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725" name="正方形/長方形 724"/>
        <xdr:cNvSpPr/>
      </xdr:nvSpPr>
      <xdr:spPr>
        <a:xfrm>
          <a:off x="1096010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726" name="正方形/長方形 725"/>
        <xdr:cNvSpPr/>
      </xdr:nvSpPr>
      <xdr:spPr>
        <a:xfrm>
          <a:off x="120700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727" name="正方形/長方形 726"/>
        <xdr:cNvSpPr/>
      </xdr:nvSpPr>
      <xdr:spPr>
        <a:xfrm>
          <a:off x="120700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728" name="正方形/長方形 727"/>
        <xdr:cNvSpPr/>
      </xdr:nvSpPr>
      <xdr:spPr>
        <a:xfrm>
          <a:off x="10960100" y="12668250"/>
          <a:ext cx="415290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729" name="正方形/長方形 728"/>
        <xdr:cNvSpPr/>
      </xdr:nvSpPr>
      <xdr:spPr>
        <a:xfrm>
          <a:off x="16093440" y="11551920"/>
          <a:ext cx="4175760" cy="6197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730" name="正方形/長方形 729"/>
        <xdr:cNvSpPr/>
      </xdr:nvSpPr>
      <xdr:spPr>
        <a:xfrm>
          <a:off x="1609344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731" name="正方形/長方形 730"/>
        <xdr:cNvSpPr/>
      </xdr:nvSpPr>
      <xdr:spPr>
        <a:xfrm>
          <a:off x="1609344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732" name="正方形/長方形 731"/>
        <xdr:cNvSpPr/>
      </xdr:nvSpPr>
      <xdr:spPr>
        <a:xfrm>
          <a:off x="17226280" y="1219708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733" name="正方形/長方形 732"/>
        <xdr:cNvSpPr/>
      </xdr:nvSpPr>
      <xdr:spPr>
        <a:xfrm>
          <a:off x="17226280" y="1239647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34" name="正方形/長方形 733"/>
        <xdr:cNvSpPr/>
      </xdr:nvSpPr>
      <xdr:spPr>
        <a:xfrm>
          <a:off x="16093440" y="12668250"/>
          <a:ext cx="4175760" cy="22364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735" name="正方形/長方形 734"/>
        <xdr:cNvSpPr/>
      </xdr:nvSpPr>
      <xdr:spPr>
        <a:xfrm>
          <a:off x="10960100" y="15274290"/>
          <a:ext cx="415290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6" name="正方形/長方形 735"/>
        <xdr:cNvSpPr/>
      </xdr:nvSpPr>
      <xdr:spPr>
        <a:xfrm>
          <a:off x="110642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7" name="正方形/長方形 736"/>
        <xdr:cNvSpPr/>
      </xdr:nvSpPr>
      <xdr:spPr>
        <a:xfrm>
          <a:off x="110642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8" name="正方形/長方形 737"/>
        <xdr:cNvSpPr/>
      </xdr:nvSpPr>
      <xdr:spPr>
        <a:xfrm>
          <a:off x="119659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9" name="正方形/長方形 738"/>
        <xdr:cNvSpPr/>
      </xdr:nvSpPr>
      <xdr:spPr>
        <a:xfrm>
          <a:off x="119659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0" name="正方形/長方形 739"/>
        <xdr:cNvSpPr/>
      </xdr:nvSpPr>
      <xdr:spPr>
        <a:xfrm>
          <a:off x="129717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1" name="正方形/長方形 740"/>
        <xdr:cNvSpPr/>
      </xdr:nvSpPr>
      <xdr:spPr>
        <a:xfrm>
          <a:off x="129717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2" name="正方形/長方形 741"/>
        <xdr:cNvSpPr/>
      </xdr:nvSpPr>
      <xdr:spPr>
        <a:xfrm>
          <a:off x="10960100" y="16394430"/>
          <a:ext cx="415290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3" name="テキスト ボックス 742"/>
        <xdr:cNvSpPr txBox="1"/>
      </xdr:nvSpPr>
      <xdr:spPr>
        <a:xfrm>
          <a:off x="10922000" y="1620774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4" name="直線コネクタ 743"/>
        <xdr:cNvCxnSpPr/>
      </xdr:nvCxnSpPr>
      <xdr:spPr>
        <a:xfrm>
          <a:off x="10960100" y="1862709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5" name="テキスト ボックス 744"/>
        <xdr:cNvSpPr txBox="1"/>
      </xdr:nvSpPr>
      <xdr:spPr>
        <a:xfrm>
          <a:off x="10561501" y="184886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6" name="直線コネクタ 745"/>
        <xdr:cNvCxnSpPr/>
      </xdr:nvCxnSpPr>
      <xdr:spPr>
        <a:xfrm>
          <a:off x="10960100" y="1825752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8</xdr:row>
      <xdr:rowOff>10177</xdr:rowOff>
    </xdr:from>
    <xdr:ext cx="403059" cy="259045"/>
    <xdr:sp macro="" textlink="">
      <xdr:nvSpPr>
        <xdr:cNvPr id="747" name="テキスト ボックス 746"/>
        <xdr:cNvSpPr txBox="1"/>
      </xdr:nvSpPr>
      <xdr:spPr>
        <a:xfrm>
          <a:off x="10602761" y="1811529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8" name="直線コネクタ 747"/>
        <xdr:cNvCxnSpPr/>
      </xdr:nvCxnSpPr>
      <xdr:spPr>
        <a:xfrm>
          <a:off x="10960100" y="1788414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49" name="テキスト ボックス 748"/>
        <xdr:cNvSpPr txBox="1"/>
      </xdr:nvSpPr>
      <xdr:spPr>
        <a:xfrm>
          <a:off x="10602761" y="177457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0" name="直線コネクタ 749"/>
        <xdr:cNvCxnSpPr/>
      </xdr:nvCxnSpPr>
      <xdr:spPr>
        <a:xfrm>
          <a:off x="10960100" y="1751076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1" name="テキスト ボックス 750"/>
        <xdr:cNvSpPr txBox="1"/>
      </xdr:nvSpPr>
      <xdr:spPr>
        <a:xfrm>
          <a:off x="10602761" y="1737234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2" name="直線コネクタ 751"/>
        <xdr:cNvCxnSpPr/>
      </xdr:nvCxnSpPr>
      <xdr:spPr>
        <a:xfrm>
          <a:off x="10960100" y="1713738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3" name="テキスト ボックス 752"/>
        <xdr:cNvSpPr txBox="1"/>
      </xdr:nvSpPr>
      <xdr:spPr>
        <a:xfrm>
          <a:off x="10602761" y="1699896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4" name="直線コネクタ 753"/>
        <xdr:cNvCxnSpPr/>
      </xdr:nvCxnSpPr>
      <xdr:spPr>
        <a:xfrm>
          <a:off x="10960100" y="1676400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9</xdr:row>
      <xdr:rowOff>29227</xdr:rowOff>
    </xdr:from>
    <xdr:ext cx="338939" cy="259045"/>
    <xdr:sp macro="" textlink="">
      <xdr:nvSpPr>
        <xdr:cNvPr id="755" name="テキスト ボックス 754"/>
        <xdr:cNvSpPr txBox="1"/>
      </xdr:nvSpPr>
      <xdr:spPr>
        <a:xfrm>
          <a:off x="10666881" y="1662558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6" name="直線コネクタ 755"/>
        <xdr:cNvCxnSpPr/>
      </xdr:nvCxnSpPr>
      <xdr:spPr>
        <a:xfrm>
          <a:off x="10960100" y="16394430"/>
          <a:ext cx="413004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57" name="【庁舎】&#10;有形固定資産減価償却率グラフ枠"/>
        <xdr:cNvSpPr/>
      </xdr:nvSpPr>
      <xdr:spPr>
        <a:xfrm>
          <a:off x="10960100" y="16394430"/>
          <a:ext cx="415290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1</xdr:row>
      <xdr:rowOff>62864</xdr:rowOff>
    </xdr:from>
    <xdr:to>
      <xdr:col>85</xdr:col>
      <xdr:colOff>126364</xdr:colOff>
      <xdr:row>108</xdr:row>
      <xdr:rowOff>165736</xdr:rowOff>
    </xdr:to>
    <xdr:cxnSp macro="">
      <xdr:nvCxnSpPr>
        <xdr:cNvPr id="758" name="直線コネクタ 757"/>
        <xdr:cNvCxnSpPr/>
      </xdr:nvCxnSpPr>
      <xdr:spPr>
        <a:xfrm flipV="1">
          <a:off x="14375764" y="16994504"/>
          <a:ext cx="0" cy="1276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69563</xdr:rowOff>
    </xdr:from>
    <xdr:ext cx="405111" cy="259045"/>
    <xdr:sp macro="" textlink="">
      <xdr:nvSpPr>
        <xdr:cNvPr id="759" name="【庁舎】&#10;有形固定資産減価償却率最小値テキスト"/>
        <xdr:cNvSpPr txBox="1"/>
      </xdr:nvSpPr>
      <xdr:spPr>
        <a:xfrm>
          <a:off x="14414500" y="18274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65736</xdr:rowOff>
    </xdr:from>
    <xdr:to>
      <xdr:col>86</xdr:col>
      <xdr:colOff>25400</xdr:colOff>
      <xdr:row>108</xdr:row>
      <xdr:rowOff>165736</xdr:rowOff>
    </xdr:to>
    <xdr:cxnSp macro="">
      <xdr:nvCxnSpPr>
        <xdr:cNvPr id="760" name="直線コネクタ 759"/>
        <xdr:cNvCxnSpPr/>
      </xdr:nvCxnSpPr>
      <xdr:spPr>
        <a:xfrm>
          <a:off x="14287500" y="18270856"/>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0</xdr:row>
      <xdr:rowOff>9541</xdr:rowOff>
    </xdr:from>
    <xdr:ext cx="405111" cy="259045"/>
    <xdr:sp macro="" textlink="">
      <xdr:nvSpPr>
        <xdr:cNvPr id="761" name="【庁舎】&#10;有形固定資産減価償却率最大値テキスト"/>
        <xdr:cNvSpPr txBox="1"/>
      </xdr:nvSpPr>
      <xdr:spPr>
        <a:xfrm>
          <a:off x="14414500" y="16773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1</xdr:row>
      <xdr:rowOff>62864</xdr:rowOff>
    </xdr:from>
    <xdr:to>
      <xdr:col>86</xdr:col>
      <xdr:colOff>25400</xdr:colOff>
      <xdr:row>101</xdr:row>
      <xdr:rowOff>62864</xdr:rowOff>
    </xdr:to>
    <xdr:cxnSp macro="">
      <xdr:nvCxnSpPr>
        <xdr:cNvPr id="762" name="直線コネクタ 761"/>
        <xdr:cNvCxnSpPr/>
      </xdr:nvCxnSpPr>
      <xdr:spPr>
        <a:xfrm>
          <a:off x="14287500" y="1699450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55897</xdr:rowOff>
    </xdr:from>
    <xdr:ext cx="405111" cy="259045"/>
    <xdr:sp macro="" textlink="">
      <xdr:nvSpPr>
        <xdr:cNvPr id="763" name="【庁舎】&#10;有形固定資産減価償却率平均値テキスト"/>
        <xdr:cNvSpPr txBox="1"/>
      </xdr:nvSpPr>
      <xdr:spPr>
        <a:xfrm>
          <a:off x="14414500" y="174904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33020</xdr:rowOff>
    </xdr:from>
    <xdr:to>
      <xdr:col>85</xdr:col>
      <xdr:colOff>177800</xdr:colOff>
      <xdr:row>105</xdr:row>
      <xdr:rowOff>134620</xdr:rowOff>
    </xdr:to>
    <xdr:sp macro="" textlink="">
      <xdr:nvSpPr>
        <xdr:cNvPr id="764" name="フローチャート: 判断 763"/>
        <xdr:cNvSpPr/>
      </xdr:nvSpPr>
      <xdr:spPr>
        <a:xfrm>
          <a:off x="14325600" y="17635220"/>
          <a:ext cx="9398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34925</xdr:rowOff>
    </xdr:from>
    <xdr:to>
      <xdr:col>81</xdr:col>
      <xdr:colOff>101600</xdr:colOff>
      <xdr:row>105</xdr:row>
      <xdr:rowOff>136525</xdr:rowOff>
    </xdr:to>
    <xdr:sp macro="" textlink="">
      <xdr:nvSpPr>
        <xdr:cNvPr id="765" name="フローチャート: 判断 764"/>
        <xdr:cNvSpPr/>
      </xdr:nvSpPr>
      <xdr:spPr>
        <a:xfrm>
          <a:off x="13578840" y="17637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12064</xdr:rowOff>
    </xdr:from>
    <xdr:to>
      <xdr:col>76</xdr:col>
      <xdr:colOff>165100</xdr:colOff>
      <xdr:row>105</xdr:row>
      <xdr:rowOff>113664</xdr:rowOff>
    </xdr:to>
    <xdr:sp macro="" textlink="">
      <xdr:nvSpPr>
        <xdr:cNvPr id="766" name="フローチャート: 判断 765"/>
        <xdr:cNvSpPr/>
      </xdr:nvSpPr>
      <xdr:spPr>
        <a:xfrm>
          <a:off x="12804140" y="1761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68275</xdr:rowOff>
    </xdr:from>
    <xdr:to>
      <xdr:col>72</xdr:col>
      <xdr:colOff>38100</xdr:colOff>
      <xdr:row>105</xdr:row>
      <xdr:rowOff>98425</xdr:rowOff>
    </xdr:to>
    <xdr:sp macro="" textlink="">
      <xdr:nvSpPr>
        <xdr:cNvPr id="767" name="フローチャート: 判断 766"/>
        <xdr:cNvSpPr/>
      </xdr:nvSpPr>
      <xdr:spPr>
        <a:xfrm>
          <a:off x="12029440" y="1760283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5</xdr:row>
      <xdr:rowOff>4445</xdr:rowOff>
    </xdr:from>
    <xdr:to>
      <xdr:col>67</xdr:col>
      <xdr:colOff>101600</xdr:colOff>
      <xdr:row>105</xdr:row>
      <xdr:rowOff>106045</xdr:rowOff>
    </xdr:to>
    <xdr:sp macro="" textlink="">
      <xdr:nvSpPr>
        <xdr:cNvPr id="768" name="フローチャート: 判断 767"/>
        <xdr:cNvSpPr/>
      </xdr:nvSpPr>
      <xdr:spPr>
        <a:xfrm>
          <a:off x="11231880" y="17606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69" name="テキスト ボックス 768"/>
        <xdr:cNvSpPr txBox="1"/>
      </xdr:nvSpPr>
      <xdr:spPr>
        <a:xfrm>
          <a:off x="1420876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0" name="テキスト ボックス 769"/>
        <xdr:cNvSpPr txBox="1"/>
      </xdr:nvSpPr>
      <xdr:spPr>
        <a:xfrm>
          <a:off x="134620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1" name="テキスト ボックス 770"/>
        <xdr:cNvSpPr txBox="1"/>
      </xdr:nvSpPr>
      <xdr:spPr>
        <a:xfrm>
          <a:off x="126873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2" name="テキスト ボックス 771"/>
        <xdr:cNvSpPr txBox="1"/>
      </xdr:nvSpPr>
      <xdr:spPr>
        <a:xfrm>
          <a:off x="119049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3" name="テキスト ボックス 772"/>
        <xdr:cNvSpPr txBox="1"/>
      </xdr:nvSpPr>
      <xdr:spPr>
        <a:xfrm>
          <a:off x="111150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90170</xdr:rowOff>
    </xdr:from>
    <xdr:to>
      <xdr:col>85</xdr:col>
      <xdr:colOff>177800</xdr:colOff>
      <xdr:row>106</xdr:row>
      <xdr:rowOff>20320</xdr:rowOff>
    </xdr:to>
    <xdr:sp macro="" textlink="">
      <xdr:nvSpPr>
        <xdr:cNvPr id="774" name="楕円 773"/>
        <xdr:cNvSpPr/>
      </xdr:nvSpPr>
      <xdr:spPr>
        <a:xfrm>
          <a:off x="14325600" y="17692370"/>
          <a:ext cx="9398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68597</xdr:rowOff>
    </xdr:from>
    <xdr:ext cx="405111" cy="259045"/>
    <xdr:sp macro="" textlink="">
      <xdr:nvSpPr>
        <xdr:cNvPr id="775" name="【庁舎】&#10;有形固定資産減価償却率該当値テキスト"/>
        <xdr:cNvSpPr txBox="1"/>
      </xdr:nvSpPr>
      <xdr:spPr>
        <a:xfrm>
          <a:off x="14414500" y="17670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74930</xdr:rowOff>
    </xdr:from>
    <xdr:to>
      <xdr:col>81</xdr:col>
      <xdr:colOff>101600</xdr:colOff>
      <xdr:row>106</xdr:row>
      <xdr:rowOff>5080</xdr:rowOff>
    </xdr:to>
    <xdr:sp macro="" textlink="">
      <xdr:nvSpPr>
        <xdr:cNvPr id="776" name="楕円 775"/>
        <xdr:cNvSpPr/>
      </xdr:nvSpPr>
      <xdr:spPr>
        <a:xfrm>
          <a:off x="13578840" y="1767713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25730</xdr:rowOff>
    </xdr:from>
    <xdr:to>
      <xdr:col>85</xdr:col>
      <xdr:colOff>127000</xdr:colOff>
      <xdr:row>105</xdr:row>
      <xdr:rowOff>140970</xdr:rowOff>
    </xdr:to>
    <xdr:cxnSp macro="">
      <xdr:nvCxnSpPr>
        <xdr:cNvPr id="777" name="直線コネクタ 776"/>
        <xdr:cNvCxnSpPr/>
      </xdr:nvCxnSpPr>
      <xdr:spPr>
        <a:xfrm>
          <a:off x="13629640" y="17727930"/>
          <a:ext cx="74676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42545</xdr:rowOff>
    </xdr:from>
    <xdr:to>
      <xdr:col>76</xdr:col>
      <xdr:colOff>165100</xdr:colOff>
      <xdr:row>105</xdr:row>
      <xdr:rowOff>144145</xdr:rowOff>
    </xdr:to>
    <xdr:sp macro="" textlink="">
      <xdr:nvSpPr>
        <xdr:cNvPr id="778" name="楕円 777"/>
        <xdr:cNvSpPr/>
      </xdr:nvSpPr>
      <xdr:spPr>
        <a:xfrm>
          <a:off x="12804140" y="17644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93345</xdr:rowOff>
    </xdr:from>
    <xdr:to>
      <xdr:col>81</xdr:col>
      <xdr:colOff>50800</xdr:colOff>
      <xdr:row>105</xdr:row>
      <xdr:rowOff>125730</xdr:rowOff>
    </xdr:to>
    <xdr:cxnSp macro="">
      <xdr:nvCxnSpPr>
        <xdr:cNvPr id="779" name="直線コネクタ 778"/>
        <xdr:cNvCxnSpPr/>
      </xdr:nvCxnSpPr>
      <xdr:spPr>
        <a:xfrm>
          <a:off x="12854940" y="17695545"/>
          <a:ext cx="7747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3970</xdr:rowOff>
    </xdr:from>
    <xdr:to>
      <xdr:col>72</xdr:col>
      <xdr:colOff>38100</xdr:colOff>
      <xdr:row>105</xdr:row>
      <xdr:rowOff>115570</xdr:rowOff>
    </xdr:to>
    <xdr:sp macro="" textlink="">
      <xdr:nvSpPr>
        <xdr:cNvPr id="780" name="楕円 779"/>
        <xdr:cNvSpPr/>
      </xdr:nvSpPr>
      <xdr:spPr>
        <a:xfrm>
          <a:off x="12029440" y="17616170"/>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64770</xdr:rowOff>
    </xdr:from>
    <xdr:to>
      <xdr:col>76</xdr:col>
      <xdr:colOff>114300</xdr:colOff>
      <xdr:row>105</xdr:row>
      <xdr:rowOff>93345</xdr:rowOff>
    </xdr:to>
    <xdr:cxnSp macro="">
      <xdr:nvCxnSpPr>
        <xdr:cNvPr id="781" name="直線コネクタ 780"/>
        <xdr:cNvCxnSpPr/>
      </xdr:nvCxnSpPr>
      <xdr:spPr>
        <a:xfrm>
          <a:off x="12072620" y="17666970"/>
          <a:ext cx="78232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636</xdr:rowOff>
    </xdr:from>
    <xdr:to>
      <xdr:col>67</xdr:col>
      <xdr:colOff>101600</xdr:colOff>
      <xdr:row>105</xdr:row>
      <xdr:rowOff>102236</xdr:rowOff>
    </xdr:to>
    <xdr:sp macro="" textlink="">
      <xdr:nvSpPr>
        <xdr:cNvPr id="782" name="楕円 781"/>
        <xdr:cNvSpPr/>
      </xdr:nvSpPr>
      <xdr:spPr>
        <a:xfrm>
          <a:off x="11231880" y="17602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51436</xdr:rowOff>
    </xdr:from>
    <xdr:to>
      <xdr:col>71</xdr:col>
      <xdr:colOff>177800</xdr:colOff>
      <xdr:row>105</xdr:row>
      <xdr:rowOff>64770</xdr:rowOff>
    </xdr:to>
    <xdr:cxnSp macro="">
      <xdr:nvCxnSpPr>
        <xdr:cNvPr id="783" name="直線コネクタ 782"/>
        <xdr:cNvCxnSpPr/>
      </xdr:nvCxnSpPr>
      <xdr:spPr>
        <a:xfrm>
          <a:off x="11282680" y="17653636"/>
          <a:ext cx="789940" cy="13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53052</xdr:rowOff>
    </xdr:from>
    <xdr:ext cx="405111" cy="259045"/>
    <xdr:sp macro="" textlink="">
      <xdr:nvSpPr>
        <xdr:cNvPr id="784" name="n_1aveValue【庁舎】&#10;有形固定資産減価償却率"/>
        <xdr:cNvSpPr txBox="1"/>
      </xdr:nvSpPr>
      <xdr:spPr>
        <a:xfrm>
          <a:off x="13437244" y="17419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130191</xdr:rowOff>
    </xdr:from>
    <xdr:ext cx="405111" cy="259045"/>
    <xdr:sp macro="" textlink="">
      <xdr:nvSpPr>
        <xdr:cNvPr id="785" name="n_2aveValue【庁舎】&#10;有形固定資産減価償却率"/>
        <xdr:cNvSpPr txBox="1"/>
      </xdr:nvSpPr>
      <xdr:spPr>
        <a:xfrm>
          <a:off x="12675244" y="173971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114952</xdr:rowOff>
    </xdr:from>
    <xdr:ext cx="405111" cy="259045"/>
    <xdr:sp macro="" textlink="">
      <xdr:nvSpPr>
        <xdr:cNvPr id="786" name="n_3aveValue【庁舎】&#10;有形固定資産減価償却率"/>
        <xdr:cNvSpPr txBox="1"/>
      </xdr:nvSpPr>
      <xdr:spPr>
        <a:xfrm>
          <a:off x="11900544" y="17381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5</xdr:row>
      <xdr:rowOff>97172</xdr:rowOff>
    </xdr:from>
    <xdr:ext cx="405111" cy="259045"/>
    <xdr:sp macro="" textlink="">
      <xdr:nvSpPr>
        <xdr:cNvPr id="787" name="n_4aveValue【庁舎】&#10;有形固定資産減価償却率"/>
        <xdr:cNvSpPr txBox="1"/>
      </xdr:nvSpPr>
      <xdr:spPr>
        <a:xfrm>
          <a:off x="11102984" y="17699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67657</xdr:rowOff>
    </xdr:from>
    <xdr:ext cx="405111" cy="259045"/>
    <xdr:sp macro="" textlink="">
      <xdr:nvSpPr>
        <xdr:cNvPr id="788" name="n_1mainValue【庁舎】&#10;有形固定資産減価償却率"/>
        <xdr:cNvSpPr txBox="1"/>
      </xdr:nvSpPr>
      <xdr:spPr>
        <a:xfrm>
          <a:off x="13437244" y="17769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35272</xdr:rowOff>
    </xdr:from>
    <xdr:ext cx="405111" cy="259045"/>
    <xdr:sp macro="" textlink="">
      <xdr:nvSpPr>
        <xdr:cNvPr id="789" name="n_2mainValue【庁舎】&#10;有形固定資産減価償却率"/>
        <xdr:cNvSpPr txBox="1"/>
      </xdr:nvSpPr>
      <xdr:spPr>
        <a:xfrm>
          <a:off x="12675244" y="177374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106697</xdr:rowOff>
    </xdr:from>
    <xdr:ext cx="405111" cy="259045"/>
    <xdr:sp macro="" textlink="">
      <xdr:nvSpPr>
        <xdr:cNvPr id="790" name="n_3mainValue【庁舎】&#10;有形固定資産減価償却率"/>
        <xdr:cNvSpPr txBox="1"/>
      </xdr:nvSpPr>
      <xdr:spPr>
        <a:xfrm>
          <a:off x="11900544" y="17708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118763</xdr:rowOff>
    </xdr:from>
    <xdr:ext cx="405111" cy="259045"/>
    <xdr:sp macro="" textlink="">
      <xdr:nvSpPr>
        <xdr:cNvPr id="791" name="n_4mainValue【庁舎】&#10;有形固定資産減価償却率"/>
        <xdr:cNvSpPr txBox="1"/>
      </xdr:nvSpPr>
      <xdr:spPr>
        <a:xfrm>
          <a:off x="11102984" y="173856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2" name="正方形/長方形 791"/>
        <xdr:cNvSpPr/>
      </xdr:nvSpPr>
      <xdr:spPr>
        <a:xfrm>
          <a:off x="16093440" y="15274290"/>
          <a:ext cx="4175760" cy="62357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3" name="正方形/長方形 792"/>
        <xdr:cNvSpPr/>
      </xdr:nvSpPr>
      <xdr:spPr>
        <a:xfrm>
          <a:off x="1622044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4" name="正方形/長方形 793"/>
        <xdr:cNvSpPr/>
      </xdr:nvSpPr>
      <xdr:spPr>
        <a:xfrm>
          <a:off x="1622044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5" name="正方形/長方形 794"/>
        <xdr:cNvSpPr/>
      </xdr:nvSpPr>
      <xdr:spPr>
        <a:xfrm>
          <a:off x="1709928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6" name="正方形/長方形 795"/>
        <xdr:cNvSpPr/>
      </xdr:nvSpPr>
      <xdr:spPr>
        <a:xfrm>
          <a:off x="1709928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7" name="正方形/長方形 796"/>
        <xdr:cNvSpPr/>
      </xdr:nvSpPr>
      <xdr:spPr>
        <a:xfrm>
          <a:off x="18105120" y="15923260"/>
          <a:ext cx="134112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98" name="正方形/長方形 797"/>
        <xdr:cNvSpPr/>
      </xdr:nvSpPr>
      <xdr:spPr>
        <a:xfrm>
          <a:off x="18105120" y="16118840"/>
          <a:ext cx="134112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99" name="正方形/長方形 798"/>
        <xdr:cNvSpPr/>
      </xdr:nvSpPr>
      <xdr:spPr>
        <a:xfrm>
          <a:off x="16093440" y="16394430"/>
          <a:ext cx="4175760" cy="223266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0" name="テキスト ボックス 799"/>
        <xdr:cNvSpPr txBox="1"/>
      </xdr:nvSpPr>
      <xdr:spPr>
        <a:xfrm>
          <a:off x="16078200" y="1620774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1" name="直線コネクタ 800"/>
        <xdr:cNvCxnSpPr/>
      </xdr:nvCxnSpPr>
      <xdr:spPr>
        <a:xfrm>
          <a:off x="16093440" y="1862709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802" name="直線コネクタ 801"/>
        <xdr:cNvCxnSpPr/>
      </xdr:nvCxnSpPr>
      <xdr:spPr>
        <a:xfrm>
          <a:off x="16093440" y="18308139"/>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803" name="テキスト ボックス 802"/>
        <xdr:cNvSpPr txBox="1"/>
      </xdr:nvSpPr>
      <xdr:spPr>
        <a:xfrm>
          <a:off x="15694841" y="1816972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804" name="直線コネクタ 803"/>
        <xdr:cNvCxnSpPr/>
      </xdr:nvCxnSpPr>
      <xdr:spPr>
        <a:xfrm>
          <a:off x="16093440" y="17989187"/>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805" name="テキスト ボックス 804"/>
        <xdr:cNvSpPr txBox="1"/>
      </xdr:nvSpPr>
      <xdr:spPr>
        <a:xfrm>
          <a:off x="15694841" y="1785077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806" name="直線コネクタ 805"/>
        <xdr:cNvCxnSpPr/>
      </xdr:nvCxnSpPr>
      <xdr:spPr>
        <a:xfrm>
          <a:off x="16093440" y="17670236"/>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807" name="テキスト ボックス 806"/>
        <xdr:cNvSpPr txBox="1"/>
      </xdr:nvSpPr>
      <xdr:spPr>
        <a:xfrm>
          <a:off x="15694841" y="1753182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808" name="直線コネクタ 807"/>
        <xdr:cNvCxnSpPr/>
      </xdr:nvCxnSpPr>
      <xdr:spPr>
        <a:xfrm>
          <a:off x="16093440" y="17351284"/>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809" name="テキスト ボックス 808"/>
        <xdr:cNvSpPr txBox="1"/>
      </xdr:nvSpPr>
      <xdr:spPr>
        <a:xfrm>
          <a:off x="15694841" y="1721287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810" name="直線コネクタ 809"/>
        <xdr:cNvCxnSpPr/>
      </xdr:nvCxnSpPr>
      <xdr:spPr>
        <a:xfrm>
          <a:off x="16093440" y="17032333"/>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811" name="テキスト ボックス 810"/>
        <xdr:cNvSpPr txBox="1"/>
      </xdr:nvSpPr>
      <xdr:spPr>
        <a:xfrm>
          <a:off x="15694841" y="16893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812" name="直線コネクタ 811"/>
        <xdr:cNvCxnSpPr/>
      </xdr:nvCxnSpPr>
      <xdr:spPr>
        <a:xfrm>
          <a:off x="16093440" y="16713381"/>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813" name="テキスト ボックス 812"/>
        <xdr:cNvSpPr txBox="1"/>
      </xdr:nvSpPr>
      <xdr:spPr>
        <a:xfrm>
          <a:off x="15694841" y="1657496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xdr:cNvCxnSpPr/>
      </xdr:nvCxnSpPr>
      <xdr:spPr>
        <a:xfrm>
          <a:off x="16093440" y="16394430"/>
          <a:ext cx="413766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xdr:cNvSpPr txBox="1"/>
      </xdr:nvSpPr>
      <xdr:spPr>
        <a:xfrm>
          <a:off x="15694841" y="1625601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庁舎】&#10;一人当たり面積グラフ枠"/>
        <xdr:cNvSpPr/>
      </xdr:nvSpPr>
      <xdr:spPr>
        <a:xfrm>
          <a:off x="16093440" y="16394430"/>
          <a:ext cx="4175760" cy="2232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157843</xdr:rowOff>
    </xdr:from>
    <xdr:to>
      <xdr:col>116</xdr:col>
      <xdr:colOff>62864</xdr:colOff>
      <xdr:row>108</xdr:row>
      <xdr:rowOff>95794</xdr:rowOff>
    </xdr:to>
    <xdr:cxnSp macro="">
      <xdr:nvCxnSpPr>
        <xdr:cNvPr id="817" name="直線コネクタ 816"/>
        <xdr:cNvCxnSpPr/>
      </xdr:nvCxnSpPr>
      <xdr:spPr>
        <a:xfrm flipV="1">
          <a:off x="19509104" y="16921843"/>
          <a:ext cx="0" cy="12790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99621</xdr:rowOff>
    </xdr:from>
    <xdr:ext cx="469744" cy="259045"/>
    <xdr:sp macro="" textlink="">
      <xdr:nvSpPr>
        <xdr:cNvPr id="818" name="【庁舎】&#10;一人当たり面積最小値テキスト"/>
        <xdr:cNvSpPr txBox="1"/>
      </xdr:nvSpPr>
      <xdr:spPr>
        <a:xfrm>
          <a:off x="19547840" y="18204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95794</xdr:rowOff>
    </xdr:from>
    <xdr:to>
      <xdr:col>116</xdr:col>
      <xdr:colOff>152400</xdr:colOff>
      <xdr:row>108</xdr:row>
      <xdr:rowOff>95794</xdr:rowOff>
    </xdr:to>
    <xdr:cxnSp macro="">
      <xdr:nvCxnSpPr>
        <xdr:cNvPr id="819" name="直線コネクタ 818"/>
        <xdr:cNvCxnSpPr/>
      </xdr:nvCxnSpPr>
      <xdr:spPr>
        <a:xfrm>
          <a:off x="19443700" y="18200914"/>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04520</xdr:rowOff>
    </xdr:from>
    <xdr:ext cx="469744" cy="259045"/>
    <xdr:sp macro="" textlink="">
      <xdr:nvSpPr>
        <xdr:cNvPr id="820" name="【庁舎】&#10;一人当たり面積最大値テキスト"/>
        <xdr:cNvSpPr txBox="1"/>
      </xdr:nvSpPr>
      <xdr:spPr>
        <a:xfrm>
          <a:off x="19547840" y="16700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157843</xdr:rowOff>
    </xdr:from>
    <xdr:to>
      <xdr:col>116</xdr:col>
      <xdr:colOff>152400</xdr:colOff>
      <xdr:row>100</xdr:row>
      <xdr:rowOff>157843</xdr:rowOff>
    </xdr:to>
    <xdr:cxnSp macro="">
      <xdr:nvCxnSpPr>
        <xdr:cNvPr id="821" name="直線コネクタ 820"/>
        <xdr:cNvCxnSpPr/>
      </xdr:nvCxnSpPr>
      <xdr:spPr>
        <a:xfrm>
          <a:off x="19443700" y="16921843"/>
          <a:ext cx="15494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62609</xdr:rowOff>
    </xdr:from>
    <xdr:ext cx="469744" cy="259045"/>
    <xdr:sp macro="" textlink="">
      <xdr:nvSpPr>
        <xdr:cNvPr id="822" name="【庁舎】&#10;一人当たり面積平均値テキスト"/>
        <xdr:cNvSpPr txBox="1"/>
      </xdr:nvSpPr>
      <xdr:spPr>
        <a:xfrm>
          <a:off x="19547840" y="178324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84182</xdr:rowOff>
    </xdr:from>
    <xdr:to>
      <xdr:col>116</xdr:col>
      <xdr:colOff>114300</xdr:colOff>
      <xdr:row>107</xdr:row>
      <xdr:rowOff>14332</xdr:rowOff>
    </xdr:to>
    <xdr:sp macro="" textlink="">
      <xdr:nvSpPr>
        <xdr:cNvPr id="823" name="フローチャート: 判断 822"/>
        <xdr:cNvSpPr/>
      </xdr:nvSpPr>
      <xdr:spPr>
        <a:xfrm>
          <a:off x="19458940" y="1785402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97245</xdr:rowOff>
    </xdr:from>
    <xdr:to>
      <xdr:col>112</xdr:col>
      <xdr:colOff>38100</xdr:colOff>
      <xdr:row>107</xdr:row>
      <xdr:rowOff>27395</xdr:rowOff>
    </xdr:to>
    <xdr:sp macro="" textlink="">
      <xdr:nvSpPr>
        <xdr:cNvPr id="824" name="フローチャート: 判断 823"/>
        <xdr:cNvSpPr/>
      </xdr:nvSpPr>
      <xdr:spPr>
        <a:xfrm>
          <a:off x="18735040" y="17867085"/>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110308</xdr:rowOff>
    </xdr:from>
    <xdr:to>
      <xdr:col>107</xdr:col>
      <xdr:colOff>101600</xdr:colOff>
      <xdr:row>107</xdr:row>
      <xdr:rowOff>40458</xdr:rowOff>
    </xdr:to>
    <xdr:sp macro="" textlink="">
      <xdr:nvSpPr>
        <xdr:cNvPr id="825" name="フローチャート: 判断 824"/>
        <xdr:cNvSpPr/>
      </xdr:nvSpPr>
      <xdr:spPr>
        <a:xfrm>
          <a:off x="17937480" y="17880148"/>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1729</xdr:rowOff>
    </xdr:from>
    <xdr:to>
      <xdr:col>102</xdr:col>
      <xdr:colOff>165100</xdr:colOff>
      <xdr:row>106</xdr:row>
      <xdr:rowOff>143329</xdr:rowOff>
    </xdr:to>
    <xdr:sp macro="" textlink="">
      <xdr:nvSpPr>
        <xdr:cNvPr id="826" name="フローチャート: 判断 825"/>
        <xdr:cNvSpPr/>
      </xdr:nvSpPr>
      <xdr:spPr>
        <a:xfrm>
          <a:off x="17162780" y="1781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123371</xdr:rowOff>
    </xdr:from>
    <xdr:to>
      <xdr:col>98</xdr:col>
      <xdr:colOff>38100</xdr:colOff>
      <xdr:row>107</xdr:row>
      <xdr:rowOff>53521</xdr:rowOff>
    </xdr:to>
    <xdr:sp macro="" textlink="">
      <xdr:nvSpPr>
        <xdr:cNvPr id="827" name="フローチャート: 判断 826"/>
        <xdr:cNvSpPr/>
      </xdr:nvSpPr>
      <xdr:spPr>
        <a:xfrm>
          <a:off x="16388080" y="17893211"/>
          <a:ext cx="7874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xdr:cNvSpPr txBox="1"/>
      </xdr:nvSpPr>
      <xdr:spPr>
        <a:xfrm>
          <a:off x="1934210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xdr:cNvSpPr txBox="1"/>
      </xdr:nvSpPr>
      <xdr:spPr>
        <a:xfrm>
          <a:off x="1861058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xdr:cNvSpPr txBox="1"/>
      </xdr:nvSpPr>
      <xdr:spPr>
        <a:xfrm>
          <a:off x="178206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xdr:cNvSpPr txBox="1"/>
      </xdr:nvSpPr>
      <xdr:spPr>
        <a:xfrm>
          <a:off x="1704594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xdr:cNvSpPr txBox="1"/>
      </xdr:nvSpPr>
      <xdr:spPr>
        <a:xfrm>
          <a:off x="16263620" y="1862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23371</xdr:rowOff>
    </xdr:from>
    <xdr:to>
      <xdr:col>116</xdr:col>
      <xdr:colOff>114300</xdr:colOff>
      <xdr:row>105</xdr:row>
      <xdr:rowOff>53521</xdr:rowOff>
    </xdr:to>
    <xdr:sp macro="" textlink="">
      <xdr:nvSpPr>
        <xdr:cNvPr id="833" name="楕円 832"/>
        <xdr:cNvSpPr/>
      </xdr:nvSpPr>
      <xdr:spPr>
        <a:xfrm>
          <a:off x="19458940" y="1755793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146248</xdr:rowOff>
    </xdr:from>
    <xdr:ext cx="469744" cy="259045"/>
    <xdr:sp macro="" textlink="">
      <xdr:nvSpPr>
        <xdr:cNvPr id="834" name="【庁舎】&#10;一人当たり面積該当値テキスト"/>
        <xdr:cNvSpPr txBox="1"/>
      </xdr:nvSpPr>
      <xdr:spPr>
        <a:xfrm>
          <a:off x="19547840" y="17413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7236</xdr:rowOff>
    </xdr:from>
    <xdr:to>
      <xdr:col>112</xdr:col>
      <xdr:colOff>38100</xdr:colOff>
      <xdr:row>105</xdr:row>
      <xdr:rowOff>118836</xdr:rowOff>
    </xdr:to>
    <xdr:sp macro="" textlink="">
      <xdr:nvSpPr>
        <xdr:cNvPr id="835" name="楕円 834"/>
        <xdr:cNvSpPr/>
      </xdr:nvSpPr>
      <xdr:spPr>
        <a:xfrm>
          <a:off x="18735040" y="17619436"/>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2721</xdr:rowOff>
    </xdr:from>
    <xdr:to>
      <xdr:col>116</xdr:col>
      <xdr:colOff>63500</xdr:colOff>
      <xdr:row>105</xdr:row>
      <xdr:rowOff>68036</xdr:rowOff>
    </xdr:to>
    <xdr:cxnSp macro="">
      <xdr:nvCxnSpPr>
        <xdr:cNvPr id="836" name="直線コネクタ 835"/>
        <xdr:cNvCxnSpPr/>
      </xdr:nvCxnSpPr>
      <xdr:spPr>
        <a:xfrm flipV="1">
          <a:off x="18778220" y="17604921"/>
          <a:ext cx="73152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0705</xdr:rowOff>
    </xdr:from>
    <xdr:to>
      <xdr:col>107</xdr:col>
      <xdr:colOff>101600</xdr:colOff>
      <xdr:row>105</xdr:row>
      <xdr:rowOff>112305</xdr:rowOff>
    </xdr:to>
    <xdr:sp macro="" textlink="">
      <xdr:nvSpPr>
        <xdr:cNvPr id="837" name="楕円 836"/>
        <xdr:cNvSpPr/>
      </xdr:nvSpPr>
      <xdr:spPr>
        <a:xfrm>
          <a:off x="17937480" y="1761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61505</xdr:rowOff>
    </xdr:from>
    <xdr:to>
      <xdr:col>111</xdr:col>
      <xdr:colOff>177800</xdr:colOff>
      <xdr:row>105</xdr:row>
      <xdr:rowOff>68036</xdr:rowOff>
    </xdr:to>
    <xdr:cxnSp macro="">
      <xdr:nvCxnSpPr>
        <xdr:cNvPr id="838" name="直線コネクタ 837"/>
        <xdr:cNvCxnSpPr/>
      </xdr:nvCxnSpPr>
      <xdr:spPr>
        <a:xfrm>
          <a:off x="17988280" y="17663705"/>
          <a:ext cx="78994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907</xdr:rowOff>
    </xdr:from>
    <xdr:to>
      <xdr:col>102</xdr:col>
      <xdr:colOff>165100</xdr:colOff>
      <xdr:row>105</xdr:row>
      <xdr:rowOff>102507</xdr:rowOff>
    </xdr:to>
    <xdr:sp macro="" textlink="">
      <xdr:nvSpPr>
        <xdr:cNvPr id="839" name="楕円 838"/>
        <xdr:cNvSpPr/>
      </xdr:nvSpPr>
      <xdr:spPr>
        <a:xfrm>
          <a:off x="17162780" y="17603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51707</xdr:rowOff>
    </xdr:from>
    <xdr:to>
      <xdr:col>107</xdr:col>
      <xdr:colOff>50800</xdr:colOff>
      <xdr:row>105</xdr:row>
      <xdr:rowOff>61505</xdr:rowOff>
    </xdr:to>
    <xdr:cxnSp macro="">
      <xdr:nvCxnSpPr>
        <xdr:cNvPr id="840" name="直線コネクタ 839"/>
        <xdr:cNvCxnSpPr/>
      </xdr:nvCxnSpPr>
      <xdr:spPr>
        <a:xfrm>
          <a:off x="17213580" y="17653907"/>
          <a:ext cx="774700" cy="97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7438</xdr:rowOff>
    </xdr:from>
    <xdr:to>
      <xdr:col>98</xdr:col>
      <xdr:colOff>38100</xdr:colOff>
      <xdr:row>105</xdr:row>
      <xdr:rowOff>109038</xdr:rowOff>
    </xdr:to>
    <xdr:sp macro="" textlink="">
      <xdr:nvSpPr>
        <xdr:cNvPr id="841" name="楕円 840"/>
        <xdr:cNvSpPr/>
      </xdr:nvSpPr>
      <xdr:spPr>
        <a:xfrm>
          <a:off x="16388080" y="17609638"/>
          <a:ext cx="7874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51707</xdr:rowOff>
    </xdr:from>
    <xdr:to>
      <xdr:col>102</xdr:col>
      <xdr:colOff>114300</xdr:colOff>
      <xdr:row>105</xdr:row>
      <xdr:rowOff>58238</xdr:rowOff>
    </xdr:to>
    <xdr:cxnSp macro="">
      <xdr:nvCxnSpPr>
        <xdr:cNvPr id="842" name="直線コネクタ 841"/>
        <xdr:cNvCxnSpPr/>
      </xdr:nvCxnSpPr>
      <xdr:spPr>
        <a:xfrm flipV="1">
          <a:off x="16431260" y="17653907"/>
          <a:ext cx="78232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7</xdr:row>
      <xdr:rowOff>18522</xdr:rowOff>
    </xdr:from>
    <xdr:ext cx="469744" cy="259045"/>
    <xdr:sp macro="" textlink="">
      <xdr:nvSpPr>
        <xdr:cNvPr id="843" name="n_1aveValue【庁舎】&#10;一人当たり面積"/>
        <xdr:cNvSpPr txBox="1"/>
      </xdr:nvSpPr>
      <xdr:spPr>
        <a:xfrm>
          <a:off x="18561127" y="179560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31585</xdr:rowOff>
    </xdr:from>
    <xdr:ext cx="469744" cy="259045"/>
    <xdr:sp macro="" textlink="">
      <xdr:nvSpPr>
        <xdr:cNvPr id="844" name="n_2aveValue【庁舎】&#10;一人当たり面積"/>
        <xdr:cNvSpPr txBox="1"/>
      </xdr:nvSpPr>
      <xdr:spPr>
        <a:xfrm>
          <a:off x="17776267" y="179690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34456</xdr:rowOff>
    </xdr:from>
    <xdr:ext cx="469744" cy="259045"/>
    <xdr:sp macro="" textlink="">
      <xdr:nvSpPr>
        <xdr:cNvPr id="845" name="n_3aveValue【庁舎】&#10;一人当たり面積"/>
        <xdr:cNvSpPr txBox="1"/>
      </xdr:nvSpPr>
      <xdr:spPr>
        <a:xfrm>
          <a:off x="17001567" y="179042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7</xdr:row>
      <xdr:rowOff>44648</xdr:rowOff>
    </xdr:from>
    <xdr:ext cx="469744" cy="259045"/>
    <xdr:sp macro="" textlink="">
      <xdr:nvSpPr>
        <xdr:cNvPr id="846" name="n_4aveValue【庁舎】&#10;一人当たり面積"/>
        <xdr:cNvSpPr txBox="1"/>
      </xdr:nvSpPr>
      <xdr:spPr>
        <a:xfrm>
          <a:off x="16226867" y="1798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135363</xdr:rowOff>
    </xdr:from>
    <xdr:ext cx="469744" cy="259045"/>
    <xdr:sp macro="" textlink="">
      <xdr:nvSpPr>
        <xdr:cNvPr id="847" name="n_1mainValue【庁舎】&#10;一人当たり面積"/>
        <xdr:cNvSpPr txBox="1"/>
      </xdr:nvSpPr>
      <xdr:spPr>
        <a:xfrm>
          <a:off x="18561127" y="17402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28832</xdr:rowOff>
    </xdr:from>
    <xdr:ext cx="469744" cy="259045"/>
    <xdr:sp macro="" textlink="">
      <xdr:nvSpPr>
        <xdr:cNvPr id="848" name="n_2mainValue【庁舎】&#10;一人当たり面積"/>
        <xdr:cNvSpPr txBox="1"/>
      </xdr:nvSpPr>
      <xdr:spPr>
        <a:xfrm>
          <a:off x="17776267" y="17395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19034</xdr:rowOff>
    </xdr:from>
    <xdr:ext cx="469744" cy="259045"/>
    <xdr:sp macro="" textlink="">
      <xdr:nvSpPr>
        <xdr:cNvPr id="849" name="n_3mainValue【庁舎】&#10;一人当たり面積"/>
        <xdr:cNvSpPr txBox="1"/>
      </xdr:nvSpPr>
      <xdr:spPr>
        <a:xfrm>
          <a:off x="17001567" y="17385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25565</xdr:rowOff>
    </xdr:from>
    <xdr:ext cx="469744" cy="259045"/>
    <xdr:sp macro="" textlink="">
      <xdr:nvSpPr>
        <xdr:cNvPr id="850" name="n_4mainValue【庁舎】&#10;一人当たり面積"/>
        <xdr:cNvSpPr txBox="1"/>
      </xdr:nvSpPr>
      <xdr:spPr>
        <a:xfrm>
          <a:off x="16226867" y="17392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xdr:cNvSpPr/>
      </xdr:nvSpPr>
      <xdr:spPr>
        <a:xfrm>
          <a:off x="670560" y="19000470"/>
          <a:ext cx="19598640" cy="18630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xdr:cNvSpPr/>
      </xdr:nvSpPr>
      <xdr:spPr>
        <a:xfrm>
          <a:off x="670560" y="19063970"/>
          <a:ext cx="33909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xdr:cNvSpPr txBox="1"/>
      </xdr:nvSpPr>
      <xdr:spPr>
        <a:xfrm>
          <a:off x="746760" y="19310350"/>
          <a:ext cx="19433540" cy="145542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有形固定資産減価償却率が上昇している施設が多く、老朽化が進んでいる。区有施設の整備については、</a:t>
          </a:r>
          <a:r>
            <a:rPr kumimoji="1" lang="en-US" altLang="ja-JP" sz="1100">
              <a:solidFill>
                <a:schemeClr val="dk1"/>
              </a:solidFill>
              <a:effectLst/>
              <a:latin typeface="ＭＳ ゴシック" panose="020B0609070205080204" pitchFamily="49" charset="-128"/>
              <a:ea typeface="ＭＳ ゴシック" panose="020B0609070205080204" pitchFamily="49" charset="-128"/>
              <a:cs typeface="+mn-cs"/>
            </a:rPr>
            <a:t>28</a:t>
          </a:r>
          <a:r>
            <a:rPr kumimoji="1" lang="ja-JP" altLang="ja-JP" sz="1100">
              <a:solidFill>
                <a:schemeClr val="dk1"/>
              </a:solidFill>
              <a:effectLst/>
              <a:latin typeface="ＭＳ ゴシック" panose="020B0609070205080204" pitchFamily="49" charset="-128"/>
              <a:ea typeface="ＭＳ ゴシック" panose="020B0609070205080204" pitchFamily="49" charset="-128"/>
              <a:cs typeface="+mn-cs"/>
            </a:rPr>
            <a:t>年度に策定した公共施設等総合管理計画を踏まえ、必要性・緊急性・優先度・経済性などの観点から検討し、引き続き、中長期的な視点で計画的に実施する。</a:t>
          </a:r>
          <a:endParaRPr lang="ja-JP" altLang="ja-JP" sz="1400">
            <a:effectLst/>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決算以降、</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上回っており、ほぼ横ばいとなっている。</a:t>
          </a:r>
        </a:p>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増減なしとなった。引き続き、限られた財源の重点的・効果的な配分に努めるとともに、財源の的確な捕そくによる一層の歳入確保を推進していく。</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6</xdr:row>
      <xdr:rowOff>3175</xdr:rowOff>
    </xdr:from>
    <xdr:to>
      <xdr:col>27</xdr:col>
      <xdr:colOff>184150</xdr:colOff>
      <xdr:row>46</xdr:row>
      <xdr:rowOff>317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5</xdr:row>
      <xdr:rowOff>3240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44450</xdr:rowOff>
    </xdr:from>
    <xdr:to>
      <xdr:col>27</xdr:col>
      <xdr:colOff>184150</xdr:colOff>
      <xdr:row>44</xdr:row>
      <xdr:rowOff>44450</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3</xdr:row>
      <xdr:rowOff>73677</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85725</xdr:rowOff>
    </xdr:from>
    <xdr:to>
      <xdr:col>27</xdr:col>
      <xdr:colOff>184150</xdr:colOff>
      <xdr:row>42</xdr:row>
      <xdr:rowOff>85725</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114952</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168275</xdr:rowOff>
    </xdr:from>
    <xdr:to>
      <xdr:col>27</xdr:col>
      <xdr:colOff>184150</xdr:colOff>
      <xdr:row>38</xdr:row>
      <xdr:rowOff>168275</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26052</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38100</xdr:rowOff>
    </xdr:from>
    <xdr:to>
      <xdr:col>27</xdr:col>
      <xdr:colOff>184150</xdr:colOff>
      <xdr:row>37</xdr:row>
      <xdr:rowOff>38100</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67327</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79375</xdr:rowOff>
    </xdr:from>
    <xdr:to>
      <xdr:col>27</xdr:col>
      <xdr:colOff>184150</xdr:colOff>
      <xdr:row>35</xdr:row>
      <xdr:rowOff>79375</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08602</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937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5" name="直線コネクタ 64">
          <a:extLst>
            <a:ext uri="{FF2B5EF4-FFF2-40B4-BE49-F238E27FC236}">
              <a16:creationId xmlns:a16="http://schemas.microsoft.com/office/drawing/2014/main" id="{00000000-0008-0000-0300-000041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6" name="テキスト ボックス 65">
          <a:extLst>
            <a:ext uri="{FF2B5EF4-FFF2-40B4-BE49-F238E27FC236}">
              <a16:creationId xmlns:a16="http://schemas.microsoft.com/office/drawing/2014/main" id="{00000000-0008-0000-0300-000042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7" name="財政力グラフ枠">
          <a:extLst>
            <a:ext uri="{FF2B5EF4-FFF2-40B4-BE49-F238E27FC236}">
              <a16:creationId xmlns:a16="http://schemas.microsoft.com/office/drawing/2014/main" id="{00000000-0008-0000-0300-000043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03981</xdr:rowOff>
    </xdr:from>
    <xdr:to>
      <xdr:col>23</xdr:col>
      <xdr:colOff>133350</xdr:colOff>
      <xdr:row>44</xdr:row>
      <xdr:rowOff>134938</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flipV="1">
          <a:off x="4953000" y="6276181"/>
          <a:ext cx="0" cy="14025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07015</xdr:rowOff>
    </xdr:from>
    <xdr:ext cx="762000" cy="259045"/>
    <xdr:sp macro="" textlink="">
      <xdr:nvSpPr>
        <xdr:cNvPr id="69" name="財政力最小値テキスト">
          <a:extLst>
            <a:ext uri="{FF2B5EF4-FFF2-40B4-BE49-F238E27FC236}">
              <a16:creationId xmlns:a16="http://schemas.microsoft.com/office/drawing/2014/main" id="{00000000-0008-0000-0300-000045000000}"/>
            </a:ext>
          </a:extLst>
        </xdr:cNvPr>
        <xdr:cNvSpPr txBox="1"/>
      </xdr:nvSpPr>
      <xdr:spPr>
        <a:xfrm>
          <a:off x="5041900" y="7650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34938</xdr:rowOff>
    </xdr:from>
    <xdr:to>
      <xdr:col>24</xdr:col>
      <xdr:colOff>12700</xdr:colOff>
      <xdr:row>44</xdr:row>
      <xdr:rowOff>134938</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76787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8908</xdr:rowOff>
    </xdr:from>
    <xdr:ext cx="762000" cy="259045"/>
    <xdr:sp macro="" textlink="">
      <xdr:nvSpPr>
        <xdr:cNvPr id="71" name="財政力最大値テキスト">
          <a:extLst>
            <a:ext uri="{FF2B5EF4-FFF2-40B4-BE49-F238E27FC236}">
              <a16:creationId xmlns:a16="http://schemas.microsoft.com/office/drawing/2014/main" id="{00000000-0008-0000-0300-000047000000}"/>
            </a:ext>
          </a:extLst>
        </xdr:cNvPr>
        <xdr:cNvSpPr txBox="1"/>
      </xdr:nvSpPr>
      <xdr:spPr>
        <a:xfrm>
          <a:off x="5041900" y="60196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03981</xdr:rowOff>
    </xdr:from>
    <xdr:to>
      <xdr:col>24</xdr:col>
      <xdr:colOff>12700</xdr:colOff>
      <xdr:row>36</xdr:row>
      <xdr:rowOff>103981</xdr:rowOff>
    </xdr:to>
    <xdr:cxnSp macro="">
      <xdr:nvCxnSpPr>
        <xdr:cNvPr id="72" name="直線コネクタ 71">
          <a:extLst>
            <a:ext uri="{FF2B5EF4-FFF2-40B4-BE49-F238E27FC236}">
              <a16:creationId xmlns:a16="http://schemas.microsoft.com/office/drawing/2014/main" id="{00000000-0008-0000-0300-000048000000}"/>
            </a:ext>
          </a:extLst>
        </xdr:cNvPr>
        <xdr:cNvCxnSpPr/>
      </xdr:nvCxnSpPr>
      <xdr:spPr>
        <a:xfrm>
          <a:off x="4864100" y="62761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66688</xdr:rowOff>
    </xdr:from>
    <xdr:to>
      <xdr:col>23</xdr:col>
      <xdr:colOff>133350</xdr:colOff>
      <xdr:row>41</xdr:row>
      <xdr:rowOff>166688</xdr:rowOff>
    </xdr:to>
    <xdr:cxnSp macro="">
      <xdr:nvCxnSpPr>
        <xdr:cNvPr id="73" name="直線コネクタ 72">
          <a:extLst>
            <a:ext uri="{FF2B5EF4-FFF2-40B4-BE49-F238E27FC236}">
              <a16:creationId xmlns:a16="http://schemas.microsoft.com/office/drawing/2014/main" id="{00000000-0008-0000-0300-000049000000}"/>
            </a:ext>
          </a:extLst>
        </xdr:cNvPr>
        <xdr:cNvCxnSpPr/>
      </xdr:nvCxnSpPr>
      <xdr:spPr>
        <a:xfrm>
          <a:off x="4114800" y="719613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37165</xdr:rowOff>
    </xdr:from>
    <xdr:ext cx="762000" cy="259045"/>
    <xdr:sp macro="" textlink="">
      <xdr:nvSpPr>
        <xdr:cNvPr id="74" name="財政力平均値テキスト">
          <a:extLst>
            <a:ext uri="{FF2B5EF4-FFF2-40B4-BE49-F238E27FC236}">
              <a16:creationId xmlns:a16="http://schemas.microsoft.com/office/drawing/2014/main" id="{00000000-0008-0000-0300-00004A000000}"/>
            </a:ext>
          </a:extLst>
        </xdr:cNvPr>
        <xdr:cNvSpPr txBox="1"/>
      </xdr:nvSpPr>
      <xdr:spPr>
        <a:xfrm>
          <a:off x="5041900" y="723806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65088</xdr:rowOff>
    </xdr:from>
    <xdr:to>
      <xdr:col>23</xdr:col>
      <xdr:colOff>184150</xdr:colOff>
      <xdr:row>42</xdr:row>
      <xdr:rowOff>166688</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902200" y="726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66688</xdr:rowOff>
    </xdr:from>
    <xdr:to>
      <xdr:col>19</xdr:col>
      <xdr:colOff>133350</xdr:colOff>
      <xdr:row>41</xdr:row>
      <xdr:rowOff>166688</xdr:rowOff>
    </xdr:to>
    <xdr:cxnSp macro="">
      <xdr:nvCxnSpPr>
        <xdr:cNvPr id="76" name="直線コネクタ 75">
          <a:extLst>
            <a:ext uri="{FF2B5EF4-FFF2-40B4-BE49-F238E27FC236}">
              <a16:creationId xmlns:a16="http://schemas.microsoft.com/office/drawing/2014/main" id="{00000000-0008-0000-0300-00004C000000}"/>
            </a:ext>
          </a:extLst>
        </xdr:cNvPr>
        <xdr:cNvCxnSpPr/>
      </xdr:nvCxnSpPr>
      <xdr:spPr>
        <a:xfrm>
          <a:off x="3225800" y="719613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95250</xdr:rowOff>
    </xdr:from>
    <xdr:to>
      <xdr:col>19</xdr:col>
      <xdr:colOff>184150</xdr:colOff>
      <xdr:row>43</xdr:row>
      <xdr:rowOff>25400</xdr:rowOff>
    </xdr:to>
    <xdr:sp macro="" textlink="">
      <xdr:nvSpPr>
        <xdr:cNvPr id="77" name="フローチャート: 判断 76">
          <a:extLst>
            <a:ext uri="{FF2B5EF4-FFF2-40B4-BE49-F238E27FC236}">
              <a16:creationId xmlns:a16="http://schemas.microsoft.com/office/drawing/2014/main" id="{00000000-0008-0000-0300-00004D000000}"/>
            </a:ext>
          </a:extLst>
        </xdr:cNvPr>
        <xdr:cNvSpPr/>
      </xdr:nvSpPr>
      <xdr:spPr>
        <a:xfrm>
          <a:off x="4064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0177</xdr:rowOff>
    </xdr:from>
    <xdr:ext cx="736600" cy="259045"/>
    <xdr:sp macro="" textlink="">
      <xdr:nvSpPr>
        <xdr:cNvPr id="78" name="テキスト ボックス 77">
          <a:extLst>
            <a:ext uri="{FF2B5EF4-FFF2-40B4-BE49-F238E27FC236}">
              <a16:creationId xmlns:a16="http://schemas.microsoft.com/office/drawing/2014/main" id="{00000000-0008-0000-0300-00004E000000}"/>
            </a:ext>
          </a:extLst>
        </xdr:cNvPr>
        <xdr:cNvSpPr txBox="1"/>
      </xdr:nvSpPr>
      <xdr:spPr>
        <a:xfrm>
          <a:off x="3733800" y="7382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66688</xdr:rowOff>
    </xdr:from>
    <xdr:to>
      <xdr:col>15</xdr:col>
      <xdr:colOff>82550</xdr:colOff>
      <xdr:row>42</xdr:row>
      <xdr:rowOff>25400</xdr:rowOff>
    </xdr:to>
    <xdr:cxnSp macro="">
      <xdr:nvCxnSpPr>
        <xdr:cNvPr id="79" name="直線コネクタ 78">
          <a:extLst>
            <a:ext uri="{FF2B5EF4-FFF2-40B4-BE49-F238E27FC236}">
              <a16:creationId xmlns:a16="http://schemas.microsoft.com/office/drawing/2014/main" id="{00000000-0008-0000-0300-00004F000000}"/>
            </a:ext>
          </a:extLst>
        </xdr:cNvPr>
        <xdr:cNvCxnSpPr/>
      </xdr:nvCxnSpPr>
      <xdr:spPr>
        <a:xfrm flipV="1">
          <a:off x="2336800" y="7196138"/>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95250</xdr:rowOff>
    </xdr:from>
    <xdr:to>
      <xdr:col>15</xdr:col>
      <xdr:colOff>133350</xdr:colOff>
      <xdr:row>43</xdr:row>
      <xdr:rowOff>25400</xdr:rowOff>
    </xdr:to>
    <xdr:sp macro="" textlink="">
      <xdr:nvSpPr>
        <xdr:cNvPr id="80" name="フローチャート: 判断 79">
          <a:extLst>
            <a:ext uri="{FF2B5EF4-FFF2-40B4-BE49-F238E27FC236}">
              <a16:creationId xmlns:a16="http://schemas.microsoft.com/office/drawing/2014/main" id="{00000000-0008-0000-0300-000050000000}"/>
            </a:ext>
          </a:extLst>
        </xdr:cNvPr>
        <xdr:cNvSpPr/>
      </xdr:nvSpPr>
      <xdr:spPr>
        <a:xfrm>
          <a:off x="3175000" y="7296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0177</xdr:rowOff>
    </xdr:from>
    <xdr:ext cx="762000" cy="259045"/>
    <xdr:sp macro="" textlink="">
      <xdr:nvSpPr>
        <xdr:cNvPr id="81" name="テキスト ボックス 80">
          <a:extLst>
            <a:ext uri="{FF2B5EF4-FFF2-40B4-BE49-F238E27FC236}">
              <a16:creationId xmlns:a16="http://schemas.microsoft.com/office/drawing/2014/main" id="{00000000-0008-0000-0300-000051000000}"/>
            </a:ext>
          </a:extLst>
        </xdr:cNvPr>
        <xdr:cNvSpPr txBox="1"/>
      </xdr:nvSpPr>
      <xdr:spPr>
        <a:xfrm>
          <a:off x="2844800" y="738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2</xdr:row>
      <xdr:rowOff>25400</xdr:rowOff>
    </xdr:from>
    <xdr:to>
      <xdr:col>11</xdr:col>
      <xdr:colOff>31750</xdr:colOff>
      <xdr:row>42</xdr:row>
      <xdr:rowOff>55563</xdr:rowOff>
    </xdr:to>
    <xdr:cxnSp macro="">
      <xdr:nvCxnSpPr>
        <xdr:cNvPr id="82" name="直線コネクタ 81">
          <a:extLst>
            <a:ext uri="{FF2B5EF4-FFF2-40B4-BE49-F238E27FC236}">
              <a16:creationId xmlns:a16="http://schemas.microsoft.com/office/drawing/2014/main" id="{00000000-0008-0000-0300-000052000000}"/>
            </a:ext>
          </a:extLst>
        </xdr:cNvPr>
        <xdr:cNvCxnSpPr/>
      </xdr:nvCxnSpPr>
      <xdr:spPr>
        <a:xfrm flipV="1">
          <a:off x="1447800" y="7226300"/>
          <a:ext cx="8890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65088</xdr:rowOff>
    </xdr:from>
    <xdr:to>
      <xdr:col>11</xdr:col>
      <xdr:colOff>82550</xdr:colOff>
      <xdr:row>42</xdr:row>
      <xdr:rowOff>166688</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2286000" y="7265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151465</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955800" y="73523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80169</xdr:rowOff>
    </xdr:from>
    <xdr:to>
      <xdr:col>7</xdr:col>
      <xdr:colOff>31750</xdr:colOff>
      <xdr:row>43</xdr:row>
      <xdr:rowOff>10319</xdr:rowOff>
    </xdr:to>
    <xdr:sp macro="" textlink="">
      <xdr:nvSpPr>
        <xdr:cNvPr id="85" name="フローチャート: 判断 84">
          <a:extLst>
            <a:ext uri="{FF2B5EF4-FFF2-40B4-BE49-F238E27FC236}">
              <a16:creationId xmlns:a16="http://schemas.microsoft.com/office/drawing/2014/main" id="{00000000-0008-0000-0300-000055000000}"/>
            </a:ext>
          </a:extLst>
        </xdr:cNvPr>
        <xdr:cNvSpPr/>
      </xdr:nvSpPr>
      <xdr:spPr>
        <a:xfrm>
          <a:off x="1397000" y="7281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166546</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1066800" y="73674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90" name="テキスト ボックス 89">
          <a:extLst>
            <a:ext uri="{FF2B5EF4-FFF2-40B4-BE49-F238E27FC236}">
              <a16:creationId xmlns:a16="http://schemas.microsoft.com/office/drawing/2014/main" id="{00000000-0008-0000-0300-00005A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91" name="テキスト ボックス 90">
          <a:extLst>
            <a:ext uri="{FF2B5EF4-FFF2-40B4-BE49-F238E27FC236}">
              <a16:creationId xmlns:a16="http://schemas.microsoft.com/office/drawing/2014/main" id="{00000000-0008-0000-0300-00005B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15888</xdr:rowOff>
    </xdr:from>
    <xdr:to>
      <xdr:col>23</xdr:col>
      <xdr:colOff>184150</xdr:colOff>
      <xdr:row>42</xdr:row>
      <xdr:rowOff>46038</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902200" y="714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132415</xdr:rowOff>
    </xdr:from>
    <xdr:ext cx="762000" cy="259045"/>
    <xdr:sp macro="" textlink="">
      <xdr:nvSpPr>
        <xdr:cNvPr id="93" name="財政力該当値テキスト">
          <a:extLst>
            <a:ext uri="{FF2B5EF4-FFF2-40B4-BE49-F238E27FC236}">
              <a16:creationId xmlns:a16="http://schemas.microsoft.com/office/drawing/2014/main" id="{00000000-0008-0000-0300-00005D000000}"/>
            </a:ext>
          </a:extLst>
        </xdr:cNvPr>
        <xdr:cNvSpPr txBox="1"/>
      </xdr:nvSpPr>
      <xdr:spPr>
        <a:xfrm>
          <a:off x="5041900" y="6990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15888</xdr:rowOff>
    </xdr:from>
    <xdr:to>
      <xdr:col>19</xdr:col>
      <xdr:colOff>184150</xdr:colOff>
      <xdr:row>42</xdr:row>
      <xdr:rowOff>46038</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4064000" y="714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6215</xdr:rowOff>
    </xdr:from>
    <xdr:ext cx="7366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3733800" y="69142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115888</xdr:rowOff>
    </xdr:from>
    <xdr:to>
      <xdr:col>15</xdr:col>
      <xdr:colOff>133350</xdr:colOff>
      <xdr:row>42</xdr:row>
      <xdr:rowOff>46038</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3175000" y="71453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56215</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2844800" y="69142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146050</xdr:rowOff>
    </xdr:from>
    <xdr:to>
      <xdr:col>11</xdr:col>
      <xdr:colOff>82550</xdr:colOff>
      <xdr:row>42</xdr:row>
      <xdr:rowOff>76200</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2286000" y="717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86377</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955800" y="694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4763</xdr:rowOff>
    </xdr:from>
    <xdr:to>
      <xdr:col>7</xdr:col>
      <xdr:colOff>31750</xdr:colOff>
      <xdr:row>42</xdr:row>
      <xdr:rowOff>106363</xdr:rowOff>
    </xdr:to>
    <xdr:sp macro="" textlink="">
      <xdr:nvSpPr>
        <xdr:cNvPr id="100" name="楕円 99">
          <a:extLst>
            <a:ext uri="{FF2B5EF4-FFF2-40B4-BE49-F238E27FC236}">
              <a16:creationId xmlns:a16="http://schemas.microsoft.com/office/drawing/2014/main" id="{00000000-0008-0000-0300-000064000000}"/>
            </a:ext>
          </a:extLst>
        </xdr:cNvPr>
        <xdr:cNvSpPr/>
      </xdr:nvSpPr>
      <xdr:spPr>
        <a:xfrm>
          <a:off x="1397000" y="72056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16540</xdr:rowOff>
    </xdr:from>
    <xdr:ext cx="762000" cy="259045"/>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066800" y="6974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2" name="正方形/長方形 101">
          <a:extLst>
            <a:ext uri="{FF2B5EF4-FFF2-40B4-BE49-F238E27FC236}">
              <a16:creationId xmlns:a16="http://schemas.microsoft.com/office/drawing/2014/main" id="{00000000-0008-0000-0300-000066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3" name="テキスト ボックス 102">
          <a:extLst>
            <a:ext uri="{FF2B5EF4-FFF2-40B4-BE49-F238E27FC236}">
              <a16:creationId xmlns:a16="http://schemas.microsoft.com/office/drawing/2014/main" id="{00000000-0008-0000-0300-000067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4" name="テキスト ボックス 103">
          <a:extLst>
            <a:ext uri="{FF2B5EF4-FFF2-40B4-BE49-F238E27FC236}">
              <a16:creationId xmlns:a16="http://schemas.microsoft.com/office/drawing/2014/main" id="{00000000-0008-0000-0300-000068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1.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2" name="正方形/長方形 111">
          <a:extLst>
            <a:ext uri="{FF2B5EF4-FFF2-40B4-BE49-F238E27FC236}">
              <a16:creationId xmlns:a16="http://schemas.microsoft.com/office/drawing/2014/main" id="{00000000-0008-0000-0300-000070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3" name="正方形/長方形 112">
          <a:extLst>
            <a:ext uri="{FF2B5EF4-FFF2-40B4-BE49-F238E27FC236}">
              <a16:creationId xmlns:a16="http://schemas.microsoft.com/office/drawing/2014/main" id="{00000000-0008-0000-0300-000071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4" name="テキスト ボックス 113">
          <a:extLst>
            <a:ext uri="{FF2B5EF4-FFF2-40B4-BE49-F238E27FC236}">
              <a16:creationId xmlns:a16="http://schemas.microsoft.com/office/drawing/2014/main" id="{00000000-0008-0000-0300-000072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81.5</a:t>
          </a:r>
          <a:r>
            <a:rPr kumimoji="1" lang="ja-JP" altLang="en-US" sz="1300">
              <a:latin typeface="ＭＳ Ｐゴシック" panose="020B0600070205080204" pitchFamily="50" charset="-128"/>
              <a:ea typeface="ＭＳ Ｐゴシック" panose="020B0600070205080204" pitchFamily="50" charset="-128"/>
            </a:rPr>
            <a:t>％となった。これは、特別区税などの増により経常的一般財源等総額が</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の増となったものの、物件費や人件費、扶助費などの増により経常的経費が</a:t>
          </a:r>
          <a:r>
            <a:rPr kumimoji="1" lang="en-US" altLang="ja-JP" sz="1300">
              <a:latin typeface="ＭＳ Ｐゴシック" panose="020B0600070205080204" pitchFamily="50" charset="-128"/>
              <a:ea typeface="ＭＳ Ｐゴシック" panose="020B0600070205080204" pitchFamily="50" charset="-128"/>
            </a:rPr>
            <a:t>3.2</a:t>
          </a:r>
          <a:r>
            <a:rPr kumimoji="1" lang="ja-JP" altLang="en-US" sz="1300">
              <a:latin typeface="ＭＳ Ｐゴシック" panose="020B0600070205080204" pitchFamily="50" charset="-128"/>
              <a:ea typeface="ＭＳ Ｐゴシック" panose="020B0600070205080204" pitchFamily="50" charset="-128"/>
            </a:rPr>
            <a:t>％の増となったためである。</a:t>
          </a:r>
        </a:p>
        <a:p>
          <a:r>
            <a:rPr kumimoji="1" lang="ja-JP" altLang="en-US" sz="1300">
              <a:latin typeface="ＭＳ Ｐゴシック" panose="020B0600070205080204" pitchFamily="50" charset="-128"/>
              <a:ea typeface="ＭＳ Ｐゴシック" panose="020B0600070205080204" pitchFamily="50" charset="-128"/>
            </a:rPr>
            <a:t>　依然として適正水準である</a:t>
          </a:r>
          <a:r>
            <a:rPr kumimoji="1" lang="en-US" altLang="ja-JP" sz="1300">
              <a:latin typeface="ＭＳ Ｐゴシック" panose="020B0600070205080204" pitchFamily="50" charset="-128"/>
              <a:ea typeface="ＭＳ Ｐゴシック" panose="020B0600070205080204" pitchFamily="50" charset="-128"/>
            </a:rPr>
            <a:t>70</a:t>
          </a:r>
          <a:r>
            <a:rPr kumimoji="1" lang="ja-JP" altLang="en-US" sz="1300">
              <a:latin typeface="ＭＳ Ｐゴシック" panose="020B0600070205080204" pitchFamily="50" charset="-128"/>
              <a:ea typeface="ＭＳ Ｐゴシック" panose="020B0600070205080204" pitchFamily="50" charset="-128"/>
            </a:rPr>
            <a:t>％～</a:t>
          </a:r>
          <a:r>
            <a:rPr kumimoji="1" lang="en-US" altLang="ja-JP" sz="1300">
              <a:latin typeface="ＭＳ Ｐゴシック" panose="020B0600070205080204" pitchFamily="50" charset="-128"/>
              <a:ea typeface="ＭＳ Ｐゴシック" panose="020B0600070205080204" pitchFamily="50" charset="-128"/>
            </a:rPr>
            <a:t>80</a:t>
          </a:r>
          <a:r>
            <a:rPr kumimoji="1" lang="ja-JP" altLang="en-US" sz="1300">
              <a:latin typeface="ＭＳ Ｐゴシック" panose="020B0600070205080204" pitchFamily="50" charset="-128"/>
              <a:ea typeface="ＭＳ Ｐゴシック" panose="020B0600070205080204" pitchFamily="50" charset="-128"/>
            </a:rPr>
            <a:t>％を超えているため、行政評価や決算実績に基づく</a:t>
          </a:r>
          <a:r>
            <a:rPr kumimoji="1" lang="en-US" altLang="ja-JP" sz="1300">
              <a:latin typeface="ＭＳ Ｐゴシック" panose="020B0600070205080204" pitchFamily="50" charset="-128"/>
              <a:ea typeface="ＭＳ Ｐゴシック" panose="020B0600070205080204" pitchFamily="50" charset="-128"/>
            </a:rPr>
            <a:t>PDCA</a:t>
          </a:r>
          <a:r>
            <a:rPr kumimoji="1" lang="ja-JP" altLang="en-US" sz="1300">
              <a:latin typeface="ＭＳ Ｐゴシック" panose="020B0600070205080204" pitchFamily="50" charset="-128"/>
              <a:ea typeface="ＭＳ Ｐゴシック" panose="020B0600070205080204" pitchFamily="50" charset="-128"/>
            </a:rPr>
            <a:t>サイクルによる事務事業の見直し、内部管理経費の精査など、徹底した経費削減に努めていく。</a:t>
          </a:r>
        </a:p>
      </xdr:txBody>
    </xdr:sp>
    <xdr:clientData/>
  </xdr:twoCellAnchor>
  <xdr:oneCellAnchor>
    <xdr:from>
      <xdr:col>3</xdr:col>
      <xdr:colOff>95250</xdr:colOff>
      <xdr:row>54</xdr:row>
      <xdr:rowOff>139700</xdr:rowOff>
    </xdr:from>
    <xdr:ext cx="298543" cy="225703"/>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36652</xdr:rowOff>
    </xdr:from>
    <xdr:to>
      <xdr:col>23</xdr:col>
      <xdr:colOff>133350</xdr:colOff>
      <xdr:row>67</xdr:row>
      <xdr:rowOff>118618</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10080752"/>
          <a:ext cx="0" cy="1525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90695</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577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18618</xdr:rowOff>
    </xdr:from>
    <xdr:to>
      <xdr:col>24</xdr:col>
      <xdr:colOff>12700</xdr:colOff>
      <xdr:row>67</xdr:row>
      <xdr:rowOff>118618</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6057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1579</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824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36652</xdr:rowOff>
    </xdr:from>
    <xdr:to>
      <xdr:col>24</xdr:col>
      <xdr:colOff>12700</xdr:colOff>
      <xdr:row>58</xdr:row>
      <xdr:rowOff>136652</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00807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40716</xdr:rowOff>
    </xdr:from>
    <xdr:to>
      <xdr:col>23</xdr:col>
      <xdr:colOff>133350</xdr:colOff>
      <xdr:row>65</xdr:row>
      <xdr:rowOff>3683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a:off x="4114800" y="11113516"/>
          <a:ext cx="838200" cy="6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13809</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7437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97282</xdr:rowOff>
    </xdr:from>
    <xdr:to>
      <xdr:col>23</xdr:col>
      <xdr:colOff>184150</xdr:colOff>
      <xdr:row>64</xdr:row>
      <xdr:rowOff>27432</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898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40716</xdr:rowOff>
    </xdr:from>
    <xdr:to>
      <xdr:col>19</xdr:col>
      <xdr:colOff>133350</xdr:colOff>
      <xdr:row>64</xdr:row>
      <xdr:rowOff>150368</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3225800" y="11113516"/>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116586</xdr:rowOff>
    </xdr:from>
    <xdr:to>
      <xdr:col>19</xdr:col>
      <xdr:colOff>184150</xdr:colOff>
      <xdr:row>64</xdr:row>
      <xdr:rowOff>46736</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56913</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06868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50368</xdr:rowOff>
    </xdr:from>
    <xdr:to>
      <xdr:col>15</xdr:col>
      <xdr:colOff>82550</xdr:colOff>
      <xdr:row>65</xdr:row>
      <xdr:rowOff>133350</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flipV="1">
          <a:off x="2336800" y="11123168"/>
          <a:ext cx="889000" cy="154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41656</xdr:rowOff>
    </xdr:from>
    <xdr:to>
      <xdr:col>15</xdr:col>
      <xdr:colOff>133350</xdr:colOff>
      <xdr:row>64</xdr:row>
      <xdr:rowOff>143256</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10144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3433</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7833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56134</xdr:rowOff>
    </xdr:from>
    <xdr:to>
      <xdr:col>11</xdr:col>
      <xdr:colOff>31750</xdr:colOff>
      <xdr:row>65</xdr:row>
      <xdr:rowOff>133350</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a:off x="1447800" y="11200384"/>
          <a:ext cx="889000" cy="77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3</xdr:row>
      <xdr:rowOff>116586</xdr:rowOff>
    </xdr:from>
    <xdr:to>
      <xdr:col>11</xdr:col>
      <xdr:colOff>82550</xdr:colOff>
      <xdr:row>64</xdr:row>
      <xdr:rowOff>46736</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0917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56913</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6868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143256</xdr:rowOff>
    </xdr:from>
    <xdr:to>
      <xdr:col>7</xdr:col>
      <xdr:colOff>31750</xdr:colOff>
      <xdr:row>63</xdr:row>
      <xdr:rowOff>73406</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0773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83583</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5420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57480</xdr:rowOff>
    </xdr:from>
    <xdr:to>
      <xdr:col>23</xdr:col>
      <xdr:colOff>184150</xdr:colOff>
      <xdr:row>65</xdr:row>
      <xdr:rowOff>87630</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1130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29557</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1102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89916</xdr:rowOff>
    </xdr:from>
    <xdr:to>
      <xdr:col>19</xdr:col>
      <xdr:colOff>184150</xdr:colOff>
      <xdr:row>65</xdr:row>
      <xdr:rowOff>20066</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1062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4843</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111490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99568</xdr:rowOff>
    </xdr:from>
    <xdr:to>
      <xdr:col>15</xdr:col>
      <xdr:colOff>133350</xdr:colOff>
      <xdr:row>65</xdr:row>
      <xdr:rowOff>29718</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107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4495</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11158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82550</xdr:rowOff>
    </xdr:from>
    <xdr:to>
      <xdr:col>11</xdr:col>
      <xdr:colOff>82550</xdr:colOff>
      <xdr:row>66</xdr:row>
      <xdr:rowOff>12700</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122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68927</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131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5334</xdr:rowOff>
    </xdr:from>
    <xdr:to>
      <xdr:col>7</xdr:col>
      <xdr:colOff>31750</xdr:colOff>
      <xdr:row>65</xdr:row>
      <xdr:rowOff>106934</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1149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91711</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1235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58,9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8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8,4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5,671</a:t>
          </a:r>
          <a:r>
            <a:rPr kumimoji="1" lang="ja-JP" altLang="en-US" sz="1300">
              <a:latin typeface="ＭＳ Ｐゴシック" panose="020B0600070205080204" pitchFamily="50" charset="-128"/>
              <a:ea typeface="ＭＳ Ｐゴシック" panose="020B0600070205080204" pitchFamily="50" charset="-128"/>
            </a:rPr>
            <a:t>円の増となった。これは、職員数の増などにより人件費が増となったほか、プレミアム付商品券事業の実施などにより物件費が増となったためである。</a:t>
          </a:r>
        </a:p>
        <a:p>
          <a:r>
            <a:rPr kumimoji="1" lang="ja-JP" altLang="en-US" sz="1300">
              <a:latin typeface="ＭＳ Ｐゴシック" panose="020B0600070205080204" pitchFamily="50" charset="-128"/>
              <a:ea typeface="ＭＳ Ｐゴシック" panose="020B0600070205080204" pitchFamily="50" charset="-128"/>
            </a:rPr>
            <a:t>　依然として</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上回っているため、定員適正化による人件費の削減や、事務事業の見直しなどによる物件費の縮減に努めていく。</a:t>
          </a: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a:extLst>
            <a:ext uri="{FF2B5EF4-FFF2-40B4-BE49-F238E27FC236}">
              <a16:creationId xmlns:a16="http://schemas.microsoft.com/office/drawing/2014/main" id="{00000000-0008-0000-0300-0000BD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53372</xdr:rowOff>
    </xdr:from>
    <xdr:to>
      <xdr:col>23</xdr:col>
      <xdr:colOff>133350</xdr:colOff>
      <xdr:row>88</xdr:row>
      <xdr:rowOff>103054</xdr:rowOff>
    </xdr:to>
    <xdr:cxnSp macro="">
      <xdr:nvCxnSpPr>
        <xdr:cNvPr id="190" name="直線コネクタ 189">
          <a:extLst>
            <a:ext uri="{FF2B5EF4-FFF2-40B4-BE49-F238E27FC236}">
              <a16:creationId xmlns:a16="http://schemas.microsoft.com/office/drawing/2014/main" id="{00000000-0008-0000-0300-0000BE000000}"/>
            </a:ext>
          </a:extLst>
        </xdr:cNvPr>
        <xdr:cNvCxnSpPr/>
      </xdr:nvCxnSpPr>
      <xdr:spPr>
        <a:xfrm flipV="1">
          <a:off x="4953000" y="13940822"/>
          <a:ext cx="0" cy="124983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75131</xdr:rowOff>
    </xdr:from>
    <xdr:ext cx="762000" cy="259045"/>
    <xdr:sp macro="" textlink="">
      <xdr:nvSpPr>
        <xdr:cNvPr id="191" name="人件費・物件費等の状況最小値テキスト">
          <a:extLst>
            <a:ext uri="{FF2B5EF4-FFF2-40B4-BE49-F238E27FC236}">
              <a16:creationId xmlns:a16="http://schemas.microsoft.com/office/drawing/2014/main" id="{00000000-0008-0000-0300-0000BF000000}"/>
            </a:ext>
          </a:extLst>
        </xdr:cNvPr>
        <xdr:cNvSpPr txBox="1"/>
      </xdr:nvSpPr>
      <xdr:spPr>
        <a:xfrm>
          <a:off x="5041900" y="15162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3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03054</xdr:rowOff>
    </xdr:from>
    <xdr:to>
      <xdr:col>24</xdr:col>
      <xdr:colOff>12700</xdr:colOff>
      <xdr:row>88</xdr:row>
      <xdr:rowOff>103054</xdr:rowOff>
    </xdr:to>
    <xdr:cxnSp macro="">
      <xdr:nvCxnSpPr>
        <xdr:cNvPr id="192" name="直線コネクタ 191">
          <a:extLst>
            <a:ext uri="{FF2B5EF4-FFF2-40B4-BE49-F238E27FC236}">
              <a16:creationId xmlns:a16="http://schemas.microsoft.com/office/drawing/2014/main" id="{00000000-0008-0000-0300-0000C0000000}"/>
            </a:ext>
          </a:extLst>
        </xdr:cNvPr>
        <xdr:cNvCxnSpPr/>
      </xdr:nvCxnSpPr>
      <xdr:spPr>
        <a:xfrm>
          <a:off x="4864100" y="15190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39749</xdr:rowOff>
    </xdr:from>
    <xdr:ext cx="762000" cy="259045"/>
    <xdr:sp macro="" textlink="">
      <xdr:nvSpPr>
        <xdr:cNvPr id="193" name="人件費・物件費等の状況最大値テキスト">
          <a:extLst>
            <a:ext uri="{FF2B5EF4-FFF2-40B4-BE49-F238E27FC236}">
              <a16:creationId xmlns:a16="http://schemas.microsoft.com/office/drawing/2014/main" id="{00000000-0008-0000-0300-0000C1000000}"/>
            </a:ext>
          </a:extLst>
        </xdr:cNvPr>
        <xdr:cNvSpPr txBox="1"/>
      </xdr:nvSpPr>
      <xdr:spPr>
        <a:xfrm>
          <a:off x="5041900" y="136842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3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53372</xdr:rowOff>
    </xdr:from>
    <xdr:to>
      <xdr:col>24</xdr:col>
      <xdr:colOff>12700</xdr:colOff>
      <xdr:row>81</xdr:row>
      <xdr:rowOff>53372</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a:off x="4864100" y="139408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79497</xdr:rowOff>
    </xdr:from>
    <xdr:to>
      <xdr:col>23</xdr:col>
      <xdr:colOff>133350</xdr:colOff>
      <xdr:row>82</xdr:row>
      <xdr:rowOff>106866</xdr:rowOff>
    </xdr:to>
    <xdr:cxnSp macro="">
      <xdr:nvCxnSpPr>
        <xdr:cNvPr id="195" name="直線コネクタ 194">
          <a:extLst>
            <a:ext uri="{FF2B5EF4-FFF2-40B4-BE49-F238E27FC236}">
              <a16:creationId xmlns:a16="http://schemas.microsoft.com/office/drawing/2014/main" id="{00000000-0008-0000-0300-0000C3000000}"/>
            </a:ext>
          </a:extLst>
        </xdr:cNvPr>
        <xdr:cNvCxnSpPr/>
      </xdr:nvCxnSpPr>
      <xdr:spPr>
        <a:xfrm>
          <a:off x="4114800" y="14138397"/>
          <a:ext cx="838200" cy="273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22925</xdr:rowOff>
    </xdr:from>
    <xdr:ext cx="762000" cy="259045"/>
    <xdr:sp macro="" textlink="">
      <xdr:nvSpPr>
        <xdr:cNvPr id="196" name="人件費・物件費等の状況平均値テキスト">
          <a:extLst>
            <a:ext uri="{FF2B5EF4-FFF2-40B4-BE49-F238E27FC236}">
              <a16:creationId xmlns:a16="http://schemas.microsoft.com/office/drawing/2014/main" id="{00000000-0008-0000-0300-0000C4000000}"/>
            </a:ext>
          </a:extLst>
        </xdr:cNvPr>
        <xdr:cNvSpPr txBox="1"/>
      </xdr:nvSpPr>
      <xdr:spPr>
        <a:xfrm>
          <a:off x="5041900" y="138389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06398</xdr:rowOff>
    </xdr:from>
    <xdr:to>
      <xdr:col>23</xdr:col>
      <xdr:colOff>184150</xdr:colOff>
      <xdr:row>82</xdr:row>
      <xdr:rowOff>36548</xdr:rowOff>
    </xdr:to>
    <xdr:sp macro="" textlink="">
      <xdr:nvSpPr>
        <xdr:cNvPr id="197" name="フローチャート: 判断 196">
          <a:extLst>
            <a:ext uri="{FF2B5EF4-FFF2-40B4-BE49-F238E27FC236}">
              <a16:creationId xmlns:a16="http://schemas.microsoft.com/office/drawing/2014/main" id="{00000000-0008-0000-0300-0000C5000000}"/>
            </a:ext>
          </a:extLst>
        </xdr:cNvPr>
        <xdr:cNvSpPr/>
      </xdr:nvSpPr>
      <xdr:spPr>
        <a:xfrm>
          <a:off x="49022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79497</xdr:rowOff>
    </xdr:from>
    <xdr:to>
      <xdr:col>19</xdr:col>
      <xdr:colOff>133350</xdr:colOff>
      <xdr:row>82</xdr:row>
      <xdr:rowOff>89165</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flipV="1">
          <a:off x="3225800" y="14138397"/>
          <a:ext cx="889000" cy="9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69489</xdr:rowOff>
    </xdr:from>
    <xdr:to>
      <xdr:col>19</xdr:col>
      <xdr:colOff>184150</xdr:colOff>
      <xdr:row>81</xdr:row>
      <xdr:rowOff>171089</xdr:rowOff>
    </xdr:to>
    <xdr:sp macro="" textlink="">
      <xdr:nvSpPr>
        <xdr:cNvPr id="199" name="フローチャート: 判断 198">
          <a:extLst>
            <a:ext uri="{FF2B5EF4-FFF2-40B4-BE49-F238E27FC236}">
              <a16:creationId xmlns:a16="http://schemas.microsoft.com/office/drawing/2014/main" id="{00000000-0008-0000-0300-0000C7000000}"/>
            </a:ext>
          </a:extLst>
        </xdr:cNvPr>
        <xdr:cNvSpPr/>
      </xdr:nvSpPr>
      <xdr:spPr>
        <a:xfrm>
          <a:off x="4064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9816</xdr:rowOff>
    </xdr:from>
    <xdr:ext cx="736600" cy="259045"/>
    <xdr:sp macro="" textlink="">
      <xdr:nvSpPr>
        <xdr:cNvPr id="200" name="テキスト ボックス 199">
          <a:extLst>
            <a:ext uri="{FF2B5EF4-FFF2-40B4-BE49-F238E27FC236}">
              <a16:creationId xmlns:a16="http://schemas.microsoft.com/office/drawing/2014/main" id="{00000000-0008-0000-0300-0000C8000000}"/>
            </a:ext>
          </a:extLst>
        </xdr:cNvPr>
        <xdr:cNvSpPr txBox="1"/>
      </xdr:nvSpPr>
      <xdr:spPr>
        <a:xfrm>
          <a:off x="3733800" y="137258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76544</xdr:rowOff>
    </xdr:from>
    <xdr:to>
      <xdr:col>15</xdr:col>
      <xdr:colOff>82550</xdr:colOff>
      <xdr:row>82</xdr:row>
      <xdr:rowOff>89165</xdr:rowOff>
    </xdr:to>
    <xdr:cxnSp macro="">
      <xdr:nvCxnSpPr>
        <xdr:cNvPr id="201" name="直線コネクタ 200">
          <a:extLst>
            <a:ext uri="{FF2B5EF4-FFF2-40B4-BE49-F238E27FC236}">
              <a16:creationId xmlns:a16="http://schemas.microsoft.com/office/drawing/2014/main" id="{00000000-0008-0000-0300-0000C9000000}"/>
            </a:ext>
          </a:extLst>
        </xdr:cNvPr>
        <xdr:cNvCxnSpPr/>
      </xdr:nvCxnSpPr>
      <xdr:spPr>
        <a:xfrm>
          <a:off x="2336800" y="14135444"/>
          <a:ext cx="889000" cy="12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5864</xdr:rowOff>
    </xdr:from>
    <xdr:to>
      <xdr:col>15</xdr:col>
      <xdr:colOff>133350</xdr:colOff>
      <xdr:row>81</xdr:row>
      <xdr:rowOff>167464</xdr:rowOff>
    </xdr:to>
    <xdr:sp macro="" textlink="">
      <xdr:nvSpPr>
        <xdr:cNvPr id="202" name="フローチャート: 判断 201">
          <a:extLst>
            <a:ext uri="{FF2B5EF4-FFF2-40B4-BE49-F238E27FC236}">
              <a16:creationId xmlns:a16="http://schemas.microsoft.com/office/drawing/2014/main" id="{00000000-0008-0000-0300-0000CA000000}"/>
            </a:ext>
          </a:extLst>
        </xdr:cNvPr>
        <xdr:cNvSpPr/>
      </xdr:nvSpPr>
      <xdr:spPr>
        <a:xfrm>
          <a:off x="3175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191</xdr:rowOff>
    </xdr:from>
    <xdr:ext cx="762000" cy="259045"/>
    <xdr:sp macro="" textlink="">
      <xdr:nvSpPr>
        <xdr:cNvPr id="203" name="テキスト ボックス 202">
          <a:extLst>
            <a:ext uri="{FF2B5EF4-FFF2-40B4-BE49-F238E27FC236}">
              <a16:creationId xmlns:a16="http://schemas.microsoft.com/office/drawing/2014/main" id="{00000000-0008-0000-0300-0000CB000000}"/>
            </a:ext>
          </a:extLst>
        </xdr:cNvPr>
        <xdr:cNvSpPr txBox="1"/>
      </xdr:nvSpPr>
      <xdr:spPr>
        <a:xfrm>
          <a:off x="2844800" y="13722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75585</xdr:rowOff>
    </xdr:from>
    <xdr:to>
      <xdr:col>11</xdr:col>
      <xdr:colOff>31750</xdr:colOff>
      <xdr:row>82</xdr:row>
      <xdr:rowOff>76544</xdr:rowOff>
    </xdr:to>
    <xdr:cxnSp macro="">
      <xdr:nvCxnSpPr>
        <xdr:cNvPr id="204" name="直線コネクタ 203">
          <a:extLst>
            <a:ext uri="{FF2B5EF4-FFF2-40B4-BE49-F238E27FC236}">
              <a16:creationId xmlns:a16="http://schemas.microsoft.com/office/drawing/2014/main" id="{00000000-0008-0000-0300-0000CC000000}"/>
            </a:ext>
          </a:extLst>
        </xdr:cNvPr>
        <xdr:cNvCxnSpPr/>
      </xdr:nvCxnSpPr>
      <xdr:spPr>
        <a:xfrm>
          <a:off x="1447800" y="14134485"/>
          <a:ext cx="889000" cy="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3292</xdr:rowOff>
    </xdr:from>
    <xdr:to>
      <xdr:col>11</xdr:col>
      <xdr:colOff>82550</xdr:colOff>
      <xdr:row>82</xdr:row>
      <xdr:rowOff>3442</xdr:rowOff>
    </xdr:to>
    <xdr:sp macro="" textlink="">
      <xdr:nvSpPr>
        <xdr:cNvPr id="205" name="フローチャート: 判断 204">
          <a:extLst>
            <a:ext uri="{FF2B5EF4-FFF2-40B4-BE49-F238E27FC236}">
              <a16:creationId xmlns:a16="http://schemas.microsoft.com/office/drawing/2014/main" id="{00000000-0008-0000-0300-0000CD000000}"/>
            </a:ext>
          </a:extLst>
        </xdr:cNvPr>
        <xdr:cNvSpPr/>
      </xdr:nvSpPr>
      <xdr:spPr>
        <a:xfrm>
          <a:off x="2286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3619</xdr:rowOff>
    </xdr:from>
    <xdr:ext cx="762000" cy="259045"/>
    <xdr:sp macro="" textlink="">
      <xdr:nvSpPr>
        <xdr:cNvPr id="206" name="テキスト ボックス 205">
          <a:extLst>
            <a:ext uri="{FF2B5EF4-FFF2-40B4-BE49-F238E27FC236}">
              <a16:creationId xmlns:a16="http://schemas.microsoft.com/office/drawing/2014/main" id="{00000000-0008-0000-0300-0000CE000000}"/>
            </a:ext>
          </a:extLst>
        </xdr:cNvPr>
        <xdr:cNvSpPr txBox="1"/>
      </xdr:nvSpPr>
      <xdr:spPr>
        <a:xfrm>
          <a:off x="1955800" y="13729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65015</xdr:rowOff>
    </xdr:from>
    <xdr:to>
      <xdr:col>7</xdr:col>
      <xdr:colOff>31750</xdr:colOff>
      <xdr:row>81</xdr:row>
      <xdr:rowOff>166615</xdr:rowOff>
    </xdr:to>
    <xdr:sp macro="" textlink="">
      <xdr:nvSpPr>
        <xdr:cNvPr id="207" name="フローチャート: 判断 206">
          <a:extLst>
            <a:ext uri="{FF2B5EF4-FFF2-40B4-BE49-F238E27FC236}">
              <a16:creationId xmlns:a16="http://schemas.microsoft.com/office/drawing/2014/main" id="{00000000-0008-0000-0300-0000CF000000}"/>
            </a:ext>
          </a:extLst>
        </xdr:cNvPr>
        <xdr:cNvSpPr/>
      </xdr:nvSpPr>
      <xdr:spPr>
        <a:xfrm>
          <a:off x="1397000" y="13952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5342</xdr:rowOff>
    </xdr:from>
    <xdr:ext cx="762000" cy="259045"/>
    <xdr:sp macro="" textlink="">
      <xdr:nvSpPr>
        <xdr:cNvPr id="208" name="テキスト ボックス 207">
          <a:extLst>
            <a:ext uri="{FF2B5EF4-FFF2-40B4-BE49-F238E27FC236}">
              <a16:creationId xmlns:a16="http://schemas.microsoft.com/office/drawing/2014/main" id="{00000000-0008-0000-0300-0000D0000000}"/>
            </a:ext>
          </a:extLst>
        </xdr:cNvPr>
        <xdr:cNvSpPr txBox="1"/>
      </xdr:nvSpPr>
      <xdr:spPr>
        <a:xfrm>
          <a:off x="1066800" y="137213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a:extLst>
            <a:ext uri="{FF2B5EF4-FFF2-40B4-BE49-F238E27FC236}">
              <a16:creationId xmlns:a16="http://schemas.microsoft.com/office/drawing/2014/main" id="{00000000-0008-0000-0300-0000D1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a:extLst>
            <a:ext uri="{FF2B5EF4-FFF2-40B4-BE49-F238E27FC236}">
              <a16:creationId xmlns:a16="http://schemas.microsoft.com/office/drawing/2014/main" id="{00000000-0008-0000-0300-0000D3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56066</xdr:rowOff>
    </xdr:from>
    <xdr:to>
      <xdr:col>23</xdr:col>
      <xdr:colOff>184150</xdr:colOff>
      <xdr:row>82</xdr:row>
      <xdr:rowOff>157666</xdr:rowOff>
    </xdr:to>
    <xdr:sp macro="" textlink="">
      <xdr:nvSpPr>
        <xdr:cNvPr id="214" name="楕円 213">
          <a:extLst>
            <a:ext uri="{FF2B5EF4-FFF2-40B4-BE49-F238E27FC236}">
              <a16:creationId xmlns:a16="http://schemas.microsoft.com/office/drawing/2014/main" id="{00000000-0008-0000-0300-0000D6000000}"/>
            </a:ext>
          </a:extLst>
        </xdr:cNvPr>
        <xdr:cNvSpPr/>
      </xdr:nvSpPr>
      <xdr:spPr>
        <a:xfrm>
          <a:off x="4902200" y="14114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28143</xdr:rowOff>
    </xdr:from>
    <xdr:ext cx="762000" cy="259045"/>
    <xdr:sp macro="" textlink="">
      <xdr:nvSpPr>
        <xdr:cNvPr id="215" name="人件費・物件費等の状況該当値テキスト">
          <a:extLst>
            <a:ext uri="{FF2B5EF4-FFF2-40B4-BE49-F238E27FC236}">
              <a16:creationId xmlns:a16="http://schemas.microsoft.com/office/drawing/2014/main" id="{00000000-0008-0000-0300-0000D7000000}"/>
            </a:ext>
          </a:extLst>
        </xdr:cNvPr>
        <xdr:cNvSpPr txBox="1"/>
      </xdr:nvSpPr>
      <xdr:spPr>
        <a:xfrm>
          <a:off x="5041900" y="14087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28697</xdr:rowOff>
    </xdr:from>
    <xdr:to>
      <xdr:col>19</xdr:col>
      <xdr:colOff>184150</xdr:colOff>
      <xdr:row>82</xdr:row>
      <xdr:rowOff>130297</xdr:rowOff>
    </xdr:to>
    <xdr:sp macro="" textlink="">
      <xdr:nvSpPr>
        <xdr:cNvPr id="216" name="楕円 215">
          <a:extLst>
            <a:ext uri="{FF2B5EF4-FFF2-40B4-BE49-F238E27FC236}">
              <a16:creationId xmlns:a16="http://schemas.microsoft.com/office/drawing/2014/main" id="{00000000-0008-0000-0300-0000D8000000}"/>
            </a:ext>
          </a:extLst>
        </xdr:cNvPr>
        <xdr:cNvSpPr/>
      </xdr:nvSpPr>
      <xdr:spPr>
        <a:xfrm>
          <a:off x="4064000" y="14087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15074</xdr:rowOff>
    </xdr:from>
    <xdr:ext cx="7366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3733800" y="141739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38365</xdr:rowOff>
    </xdr:from>
    <xdr:to>
      <xdr:col>15</xdr:col>
      <xdr:colOff>133350</xdr:colOff>
      <xdr:row>82</xdr:row>
      <xdr:rowOff>139965</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3175000" y="14097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24742</xdr:rowOff>
    </xdr:from>
    <xdr:ext cx="762000" cy="259045"/>
    <xdr:sp macro="" textlink="">
      <xdr:nvSpPr>
        <xdr:cNvPr id="219" name="テキスト ボックス 218">
          <a:extLst>
            <a:ext uri="{FF2B5EF4-FFF2-40B4-BE49-F238E27FC236}">
              <a16:creationId xmlns:a16="http://schemas.microsoft.com/office/drawing/2014/main" id="{00000000-0008-0000-0300-0000DB000000}"/>
            </a:ext>
          </a:extLst>
        </xdr:cNvPr>
        <xdr:cNvSpPr txBox="1"/>
      </xdr:nvSpPr>
      <xdr:spPr>
        <a:xfrm>
          <a:off x="2844800" y="14183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25744</xdr:rowOff>
    </xdr:from>
    <xdr:to>
      <xdr:col>11</xdr:col>
      <xdr:colOff>82550</xdr:colOff>
      <xdr:row>82</xdr:row>
      <xdr:rowOff>127344</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2286000" y="1408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12121</xdr:rowOff>
    </xdr:from>
    <xdr:ext cx="7620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1955800" y="14171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24785</xdr:rowOff>
    </xdr:from>
    <xdr:to>
      <xdr:col>7</xdr:col>
      <xdr:colOff>31750</xdr:colOff>
      <xdr:row>82</xdr:row>
      <xdr:rowOff>126385</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1397000" y="1408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11162</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1066800" y="1417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a:extLst>
            <a:ext uri="{FF2B5EF4-FFF2-40B4-BE49-F238E27FC236}">
              <a16:creationId xmlns:a16="http://schemas.microsoft.com/office/drawing/2014/main" id="{00000000-0008-0000-0300-0000E0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a:extLst>
            <a:ext uri="{FF2B5EF4-FFF2-40B4-BE49-F238E27FC236}">
              <a16:creationId xmlns:a16="http://schemas.microsoft.com/office/drawing/2014/main" id="{00000000-0008-0000-0300-0000E2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a:extLst>
            <a:ext uri="{FF2B5EF4-FFF2-40B4-BE49-F238E27FC236}">
              <a16:creationId xmlns:a16="http://schemas.microsoft.com/office/drawing/2014/main" id="{00000000-0008-0000-0300-0000E3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a:extLst>
            <a:ext uri="{FF2B5EF4-FFF2-40B4-BE49-F238E27FC236}">
              <a16:creationId xmlns:a16="http://schemas.microsoft.com/office/drawing/2014/main" id="{00000000-0008-0000-0300-0000E5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a:extLst>
            <a:ext uri="{FF2B5EF4-FFF2-40B4-BE49-F238E27FC236}">
              <a16:creationId xmlns:a16="http://schemas.microsoft.com/office/drawing/2014/main" id="{00000000-0008-0000-0300-0000E6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a:extLst>
            <a:ext uri="{FF2B5EF4-FFF2-40B4-BE49-F238E27FC236}">
              <a16:creationId xmlns:a16="http://schemas.microsoft.com/office/drawing/2014/main" id="{00000000-0008-0000-0300-0000EC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ポイント減の</a:t>
          </a:r>
          <a:r>
            <a:rPr kumimoji="1" lang="en-US" altLang="ja-JP" sz="1300">
              <a:latin typeface="ＭＳ Ｐゴシック" panose="020B0600070205080204" pitchFamily="50" charset="-128"/>
              <a:ea typeface="ＭＳ Ｐゴシック" panose="020B0600070205080204" pitchFamily="50" charset="-128"/>
            </a:rPr>
            <a:t>98.3</a:t>
          </a:r>
          <a:r>
            <a:rPr kumimoji="1" lang="ja-JP" altLang="en-US" sz="1300">
              <a:latin typeface="ＭＳ Ｐゴシック" panose="020B0600070205080204" pitchFamily="50" charset="-128"/>
              <a:ea typeface="ＭＳ Ｐゴシック" panose="020B0600070205080204" pitchFamily="50" charset="-128"/>
            </a:rPr>
            <a:t>となった。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以降、</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下回っているため、今後とも、給与水準の適正化が図られるよう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a:extLst>
            <a:ext uri="{FF2B5EF4-FFF2-40B4-BE49-F238E27FC236}">
              <a16:creationId xmlns:a16="http://schemas.microsoft.com/office/drawing/2014/main" id="{00000000-0008-0000-0300-0000ED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a:extLst>
            <a:ext uri="{FF2B5EF4-FFF2-40B4-BE49-F238E27FC236}">
              <a16:creationId xmlns:a16="http://schemas.microsoft.com/office/drawing/2014/main" id="{00000000-0008-0000-0300-0000EE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69850</xdr:rowOff>
    </xdr:from>
    <xdr:to>
      <xdr:col>85</xdr:col>
      <xdr:colOff>95250</xdr:colOff>
      <xdr:row>89</xdr:row>
      <xdr:rowOff>69850</xdr:rowOff>
    </xdr:to>
    <xdr:cxnSp macro="">
      <xdr:nvCxnSpPr>
        <xdr:cNvPr id="239" name="直線コネクタ 238">
          <a:extLst>
            <a:ext uri="{FF2B5EF4-FFF2-40B4-BE49-F238E27FC236}">
              <a16:creationId xmlns:a16="http://schemas.microsoft.com/office/drawing/2014/main" id="{00000000-0008-0000-0300-0000EF000000}"/>
            </a:ext>
          </a:extLst>
        </xdr:cNvPr>
        <xdr:cNvCxnSpPr/>
      </xdr:nvCxnSpPr>
      <xdr:spPr>
        <a:xfrm>
          <a:off x="12827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8</xdr:row>
      <xdr:rowOff>99077</xdr:rowOff>
    </xdr:from>
    <xdr:ext cx="762000" cy="259045"/>
    <xdr:sp macro="" textlink="">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206500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101600</xdr:rowOff>
    </xdr:from>
    <xdr:to>
      <xdr:col>85</xdr:col>
      <xdr:colOff>95250</xdr:colOff>
      <xdr:row>86</xdr:row>
      <xdr:rowOff>10160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13082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3</xdr:row>
      <xdr:rowOff>133350</xdr:rowOff>
    </xdr:from>
    <xdr:to>
      <xdr:col>85</xdr:col>
      <xdr:colOff>95250</xdr:colOff>
      <xdr:row>83</xdr:row>
      <xdr:rowOff>133350</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62577</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165100</xdr:rowOff>
    </xdr:from>
    <xdr:to>
      <xdr:col>85</xdr:col>
      <xdr:colOff>95250</xdr:colOff>
      <xdr:row>80</xdr:row>
      <xdr:rowOff>165100</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22877</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a:extLst>
            <a:ext uri="{FF2B5EF4-FFF2-40B4-BE49-F238E27FC236}">
              <a16:creationId xmlns:a16="http://schemas.microsoft.com/office/drawing/2014/main" id="{00000000-0008-0000-0300-0000F9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65100</xdr:rowOff>
    </xdr:from>
    <xdr:to>
      <xdr:col>81</xdr:col>
      <xdr:colOff>44450</xdr:colOff>
      <xdr:row>89</xdr:row>
      <xdr:rowOff>69850</xdr:rowOff>
    </xdr:to>
    <xdr:cxnSp macro="">
      <xdr:nvCxnSpPr>
        <xdr:cNvPr id="250" name="直線コネクタ 249">
          <a:extLst>
            <a:ext uri="{FF2B5EF4-FFF2-40B4-BE49-F238E27FC236}">
              <a16:creationId xmlns:a16="http://schemas.microsoft.com/office/drawing/2014/main" id="{00000000-0008-0000-0300-0000FA000000}"/>
            </a:ext>
          </a:extLst>
        </xdr:cNvPr>
        <xdr:cNvCxnSpPr/>
      </xdr:nvCxnSpPr>
      <xdr:spPr>
        <a:xfrm flipV="1">
          <a:off x="17018000" y="1388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41927</xdr:rowOff>
    </xdr:from>
    <xdr:ext cx="762000" cy="259045"/>
    <xdr:sp macro="" textlink="">
      <xdr:nvSpPr>
        <xdr:cNvPr id="251" name="給与水準   （国との比較）最小値テキスト">
          <a:extLst>
            <a:ext uri="{FF2B5EF4-FFF2-40B4-BE49-F238E27FC236}">
              <a16:creationId xmlns:a16="http://schemas.microsoft.com/office/drawing/2014/main" id="{00000000-0008-0000-0300-0000FB000000}"/>
            </a:ext>
          </a:extLst>
        </xdr:cNvPr>
        <xdr:cNvSpPr txBox="1"/>
      </xdr:nvSpPr>
      <xdr:spPr>
        <a:xfrm>
          <a:off x="17106900" y="1530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69850</xdr:rowOff>
    </xdr:from>
    <xdr:to>
      <xdr:col>81</xdr:col>
      <xdr:colOff>133350</xdr:colOff>
      <xdr:row>89</xdr:row>
      <xdr:rowOff>69850</xdr:rowOff>
    </xdr:to>
    <xdr:cxnSp macro="">
      <xdr:nvCxnSpPr>
        <xdr:cNvPr id="252" name="直線コネクタ 251">
          <a:extLst>
            <a:ext uri="{FF2B5EF4-FFF2-40B4-BE49-F238E27FC236}">
              <a16:creationId xmlns:a16="http://schemas.microsoft.com/office/drawing/2014/main" id="{00000000-0008-0000-0300-0000FC000000}"/>
            </a:ext>
          </a:extLst>
        </xdr:cNvPr>
        <xdr:cNvCxnSpPr/>
      </xdr:nvCxnSpPr>
      <xdr:spPr>
        <a:xfrm>
          <a:off x="16929100" y="1532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80027</xdr:rowOff>
    </xdr:from>
    <xdr:ext cx="762000" cy="259045"/>
    <xdr:sp macro="" textlink="">
      <xdr:nvSpPr>
        <xdr:cNvPr id="253" name="給与水準   （国との比較）最大値テキスト">
          <a:extLst>
            <a:ext uri="{FF2B5EF4-FFF2-40B4-BE49-F238E27FC236}">
              <a16:creationId xmlns:a16="http://schemas.microsoft.com/office/drawing/2014/main" id="{00000000-0008-0000-0300-0000FD000000}"/>
            </a:ext>
          </a:extLst>
        </xdr:cNvPr>
        <xdr:cNvSpPr txBox="1"/>
      </xdr:nvSpPr>
      <xdr:spPr>
        <a:xfrm>
          <a:off x="17106900" y="1362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65100</xdr:rowOff>
    </xdr:from>
    <xdr:to>
      <xdr:col>81</xdr:col>
      <xdr:colOff>133350</xdr:colOff>
      <xdr:row>80</xdr:row>
      <xdr:rowOff>165100</xdr:rowOff>
    </xdr:to>
    <xdr:cxnSp macro="">
      <xdr:nvCxnSpPr>
        <xdr:cNvPr id="254" name="直線コネクタ 253">
          <a:extLst>
            <a:ext uri="{FF2B5EF4-FFF2-40B4-BE49-F238E27FC236}">
              <a16:creationId xmlns:a16="http://schemas.microsoft.com/office/drawing/2014/main" id="{00000000-0008-0000-0300-0000FE000000}"/>
            </a:ext>
          </a:extLst>
        </xdr:cNvPr>
        <xdr:cNvCxnSpPr/>
      </xdr:nvCxnSpPr>
      <xdr:spPr>
        <a:xfrm>
          <a:off x="16929100" y="1388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1</xdr:row>
      <xdr:rowOff>138430</xdr:rowOff>
    </xdr:from>
    <xdr:to>
      <xdr:col>81</xdr:col>
      <xdr:colOff>44450</xdr:colOff>
      <xdr:row>85</xdr:row>
      <xdr:rowOff>128270</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flipV="1">
          <a:off x="16179800" y="14025880"/>
          <a:ext cx="838200" cy="675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02888</xdr:rowOff>
    </xdr:from>
    <xdr:ext cx="762000" cy="259045"/>
    <xdr:sp macro="" textlink="">
      <xdr:nvSpPr>
        <xdr:cNvPr id="256" name="給与水準   （国との比較）平均値テキスト">
          <a:extLst>
            <a:ext uri="{FF2B5EF4-FFF2-40B4-BE49-F238E27FC236}">
              <a16:creationId xmlns:a16="http://schemas.microsoft.com/office/drawing/2014/main" id="{00000000-0008-0000-0300-000000010000}"/>
            </a:ext>
          </a:extLst>
        </xdr:cNvPr>
        <xdr:cNvSpPr txBox="1"/>
      </xdr:nvSpPr>
      <xdr:spPr>
        <a:xfrm>
          <a:off x="17106900" y="143332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30811</xdr:rowOff>
    </xdr:from>
    <xdr:to>
      <xdr:col>81</xdr:col>
      <xdr:colOff>95250</xdr:colOff>
      <xdr:row>84</xdr:row>
      <xdr:rowOff>60961</xdr:rowOff>
    </xdr:to>
    <xdr:sp macro="" textlink="">
      <xdr:nvSpPr>
        <xdr:cNvPr id="257" name="フローチャート: 判断 256">
          <a:extLst>
            <a:ext uri="{FF2B5EF4-FFF2-40B4-BE49-F238E27FC236}">
              <a16:creationId xmlns:a16="http://schemas.microsoft.com/office/drawing/2014/main" id="{00000000-0008-0000-0300-000001010000}"/>
            </a:ext>
          </a:extLst>
        </xdr:cNvPr>
        <xdr:cNvSpPr/>
      </xdr:nvSpPr>
      <xdr:spPr>
        <a:xfrm>
          <a:off x="16967200" y="1436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28270</xdr:rowOff>
    </xdr:from>
    <xdr:to>
      <xdr:col>77</xdr:col>
      <xdr:colOff>44450</xdr:colOff>
      <xdr:row>85</xdr:row>
      <xdr:rowOff>128270</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a:off x="15290800" y="147015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25730</xdr:rowOff>
    </xdr:from>
    <xdr:to>
      <xdr:col>77</xdr:col>
      <xdr:colOff>95250</xdr:colOff>
      <xdr:row>86</xdr:row>
      <xdr:rowOff>55880</xdr:rowOff>
    </xdr:to>
    <xdr:sp macro="" textlink="">
      <xdr:nvSpPr>
        <xdr:cNvPr id="259" name="フローチャート: 判断 258">
          <a:extLst>
            <a:ext uri="{FF2B5EF4-FFF2-40B4-BE49-F238E27FC236}">
              <a16:creationId xmlns:a16="http://schemas.microsoft.com/office/drawing/2014/main" id="{00000000-0008-0000-0300-000003010000}"/>
            </a:ext>
          </a:extLst>
        </xdr:cNvPr>
        <xdr:cNvSpPr/>
      </xdr:nvSpPr>
      <xdr:spPr>
        <a:xfrm>
          <a:off x="16129000" y="1469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40657</xdr:rowOff>
    </xdr:from>
    <xdr:ext cx="736600" cy="259045"/>
    <xdr:sp macro="" textlink="">
      <xdr:nvSpPr>
        <xdr:cNvPr id="260" name="テキスト ボックス 259">
          <a:extLst>
            <a:ext uri="{FF2B5EF4-FFF2-40B4-BE49-F238E27FC236}">
              <a16:creationId xmlns:a16="http://schemas.microsoft.com/office/drawing/2014/main" id="{00000000-0008-0000-0300-000004010000}"/>
            </a:ext>
          </a:extLst>
        </xdr:cNvPr>
        <xdr:cNvSpPr txBox="1"/>
      </xdr:nvSpPr>
      <xdr:spPr>
        <a:xfrm>
          <a:off x="15798800" y="14785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58420</xdr:rowOff>
    </xdr:from>
    <xdr:to>
      <xdr:col>72</xdr:col>
      <xdr:colOff>203200</xdr:colOff>
      <xdr:row>85</xdr:row>
      <xdr:rowOff>128270</xdr:rowOff>
    </xdr:to>
    <xdr:cxnSp macro="">
      <xdr:nvCxnSpPr>
        <xdr:cNvPr id="261" name="直線コネクタ 260">
          <a:extLst>
            <a:ext uri="{FF2B5EF4-FFF2-40B4-BE49-F238E27FC236}">
              <a16:creationId xmlns:a16="http://schemas.microsoft.com/office/drawing/2014/main" id="{00000000-0008-0000-0300-000005010000}"/>
            </a:ext>
          </a:extLst>
        </xdr:cNvPr>
        <xdr:cNvCxnSpPr/>
      </xdr:nvCxnSpPr>
      <xdr:spPr>
        <a:xfrm>
          <a:off x="14401800" y="1446022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99061</xdr:rowOff>
    </xdr:from>
    <xdr:to>
      <xdr:col>73</xdr:col>
      <xdr:colOff>44450</xdr:colOff>
      <xdr:row>87</xdr:row>
      <xdr:rowOff>29211</xdr:rowOff>
    </xdr:to>
    <xdr:sp macro="" textlink="">
      <xdr:nvSpPr>
        <xdr:cNvPr id="262" name="フローチャート: 判断 261">
          <a:extLst>
            <a:ext uri="{FF2B5EF4-FFF2-40B4-BE49-F238E27FC236}">
              <a16:creationId xmlns:a16="http://schemas.microsoft.com/office/drawing/2014/main" id="{00000000-0008-0000-0300-000006010000}"/>
            </a:ext>
          </a:extLst>
        </xdr:cNvPr>
        <xdr:cNvSpPr/>
      </xdr:nvSpPr>
      <xdr:spPr>
        <a:xfrm>
          <a:off x="15240000" y="14843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13988</xdr:rowOff>
    </xdr:from>
    <xdr:ext cx="762000" cy="259045"/>
    <xdr:sp macro="" textlink="">
      <xdr:nvSpPr>
        <xdr:cNvPr id="263" name="テキスト ボックス 262">
          <a:extLst>
            <a:ext uri="{FF2B5EF4-FFF2-40B4-BE49-F238E27FC236}">
              <a16:creationId xmlns:a16="http://schemas.microsoft.com/office/drawing/2014/main" id="{00000000-0008-0000-0300-000007010000}"/>
            </a:ext>
          </a:extLst>
        </xdr:cNvPr>
        <xdr:cNvSpPr txBox="1"/>
      </xdr:nvSpPr>
      <xdr:spPr>
        <a:xfrm>
          <a:off x="14909800" y="149301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3</xdr:row>
      <xdr:rowOff>36830</xdr:rowOff>
    </xdr:from>
    <xdr:to>
      <xdr:col>68</xdr:col>
      <xdr:colOff>152400</xdr:colOff>
      <xdr:row>84</xdr:row>
      <xdr:rowOff>58420</xdr:rowOff>
    </xdr:to>
    <xdr:cxnSp macro="">
      <xdr:nvCxnSpPr>
        <xdr:cNvPr id="264" name="直線コネクタ 263">
          <a:extLst>
            <a:ext uri="{FF2B5EF4-FFF2-40B4-BE49-F238E27FC236}">
              <a16:creationId xmlns:a16="http://schemas.microsoft.com/office/drawing/2014/main" id="{00000000-0008-0000-0300-000008010000}"/>
            </a:ext>
          </a:extLst>
        </xdr:cNvPr>
        <xdr:cNvCxnSpPr/>
      </xdr:nvCxnSpPr>
      <xdr:spPr>
        <a:xfrm>
          <a:off x="13512800" y="14267180"/>
          <a:ext cx="889000" cy="1930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29211</xdr:rowOff>
    </xdr:from>
    <xdr:to>
      <xdr:col>68</xdr:col>
      <xdr:colOff>203200</xdr:colOff>
      <xdr:row>85</xdr:row>
      <xdr:rowOff>130811</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4351000" y="14602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115588</xdr:rowOff>
    </xdr:from>
    <xdr:ext cx="762000" cy="259045"/>
    <xdr:sp macro="" textlink="">
      <xdr:nvSpPr>
        <xdr:cNvPr id="266" name="テキスト ボックス 265">
          <a:extLst>
            <a:ext uri="{FF2B5EF4-FFF2-40B4-BE49-F238E27FC236}">
              <a16:creationId xmlns:a16="http://schemas.microsoft.com/office/drawing/2014/main" id="{00000000-0008-0000-0300-00000A010000}"/>
            </a:ext>
          </a:extLst>
        </xdr:cNvPr>
        <xdr:cNvSpPr txBox="1"/>
      </xdr:nvSpPr>
      <xdr:spPr>
        <a:xfrm>
          <a:off x="14020800" y="14688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52400</xdr:rowOff>
    </xdr:from>
    <xdr:to>
      <xdr:col>64</xdr:col>
      <xdr:colOff>152400</xdr:colOff>
      <xdr:row>85</xdr:row>
      <xdr:rowOff>82550</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34620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67327</xdr:rowOff>
    </xdr:from>
    <xdr:ext cx="7620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3131800" y="1464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a:extLst>
            <a:ext uri="{FF2B5EF4-FFF2-40B4-BE49-F238E27FC236}">
              <a16:creationId xmlns:a16="http://schemas.microsoft.com/office/drawing/2014/main" id="{00000000-0008-0000-0300-00000D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a:extLst>
            <a:ext uri="{FF2B5EF4-FFF2-40B4-BE49-F238E27FC236}">
              <a16:creationId xmlns:a16="http://schemas.microsoft.com/office/drawing/2014/main" id="{00000000-0008-0000-0300-00000E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a:extLst>
            <a:ext uri="{FF2B5EF4-FFF2-40B4-BE49-F238E27FC236}">
              <a16:creationId xmlns:a16="http://schemas.microsoft.com/office/drawing/2014/main" id="{00000000-0008-0000-0300-000010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a:extLst>
            <a:ext uri="{FF2B5EF4-FFF2-40B4-BE49-F238E27FC236}">
              <a16:creationId xmlns:a16="http://schemas.microsoft.com/office/drawing/2014/main" id="{00000000-0008-0000-0300-000011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1</xdr:row>
      <xdr:rowOff>87630</xdr:rowOff>
    </xdr:from>
    <xdr:to>
      <xdr:col>81</xdr:col>
      <xdr:colOff>95250</xdr:colOff>
      <xdr:row>82</xdr:row>
      <xdr:rowOff>17780</xdr:rowOff>
    </xdr:to>
    <xdr:sp macro="" textlink="">
      <xdr:nvSpPr>
        <xdr:cNvPr id="274" name="楕円 273">
          <a:extLst>
            <a:ext uri="{FF2B5EF4-FFF2-40B4-BE49-F238E27FC236}">
              <a16:creationId xmlns:a16="http://schemas.microsoft.com/office/drawing/2014/main" id="{00000000-0008-0000-0300-000012010000}"/>
            </a:ext>
          </a:extLst>
        </xdr:cNvPr>
        <xdr:cNvSpPr/>
      </xdr:nvSpPr>
      <xdr:spPr>
        <a:xfrm>
          <a:off x="16967200" y="1397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0</xdr:row>
      <xdr:rowOff>104157</xdr:rowOff>
    </xdr:from>
    <xdr:ext cx="762000" cy="259045"/>
    <xdr:sp macro="" textlink="">
      <xdr:nvSpPr>
        <xdr:cNvPr id="275" name="給与水準   （国との比較）該当値テキスト">
          <a:extLst>
            <a:ext uri="{FF2B5EF4-FFF2-40B4-BE49-F238E27FC236}">
              <a16:creationId xmlns:a16="http://schemas.microsoft.com/office/drawing/2014/main" id="{00000000-0008-0000-0300-000013010000}"/>
            </a:ext>
          </a:extLst>
        </xdr:cNvPr>
        <xdr:cNvSpPr txBox="1"/>
      </xdr:nvSpPr>
      <xdr:spPr>
        <a:xfrm>
          <a:off x="17106900" y="1382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77470</xdr:rowOff>
    </xdr:from>
    <xdr:to>
      <xdr:col>77</xdr:col>
      <xdr:colOff>95250</xdr:colOff>
      <xdr:row>86</xdr:row>
      <xdr:rowOff>7620</xdr:rowOff>
    </xdr:to>
    <xdr:sp macro="" textlink="">
      <xdr:nvSpPr>
        <xdr:cNvPr id="276" name="楕円 275">
          <a:extLst>
            <a:ext uri="{FF2B5EF4-FFF2-40B4-BE49-F238E27FC236}">
              <a16:creationId xmlns:a16="http://schemas.microsoft.com/office/drawing/2014/main" id="{00000000-0008-0000-0300-000014010000}"/>
            </a:ext>
          </a:extLst>
        </xdr:cNvPr>
        <xdr:cNvSpPr/>
      </xdr:nvSpPr>
      <xdr:spPr>
        <a:xfrm>
          <a:off x="16129000" y="1465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7797</xdr:rowOff>
    </xdr:from>
    <xdr:ext cx="7366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5798800" y="14419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77470</xdr:rowOff>
    </xdr:from>
    <xdr:to>
      <xdr:col>73</xdr:col>
      <xdr:colOff>44450</xdr:colOff>
      <xdr:row>86</xdr:row>
      <xdr:rowOff>7620</xdr:rowOff>
    </xdr:to>
    <xdr:sp macro="" textlink="">
      <xdr:nvSpPr>
        <xdr:cNvPr id="278" name="楕円 277">
          <a:extLst>
            <a:ext uri="{FF2B5EF4-FFF2-40B4-BE49-F238E27FC236}">
              <a16:creationId xmlns:a16="http://schemas.microsoft.com/office/drawing/2014/main" id="{00000000-0008-0000-0300-000016010000}"/>
            </a:ext>
          </a:extLst>
        </xdr:cNvPr>
        <xdr:cNvSpPr/>
      </xdr:nvSpPr>
      <xdr:spPr>
        <a:xfrm>
          <a:off x="15240000" y="14650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779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4909800" y="14419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7620</xdr:rowOff>
    </xdr:from>
    <xdr:to>
      <xdr:col>68</xdr:col>
      <xdr:colOff>203200</xdr:colOff>
      <xdr:row>84</xdr:row>
      <xdr:rowOff>109220</xdr:rowOff>
    </xdr:to>
    <xdr:sp macro="" textlink="">
      <xdr:nvSpPr>
        <xdr:cNvPr id="280" name="楕円 279">
          <a:extLst>
            <a:ext uri="{FF2B5EF4-FFF2-40B4-BE49-F238E27FC236}">
              <a16:creationId xmlns:a16="http://schemas.microsoft.com/office/drawing/2014/main" id="{00000000-0008-0000-0300-000018010000}"/>
            </a:ext>
          </a:extLst>
        </xdr:cNvPr>
        <xdr:cNvSpPr/>
      </xdr:nvSpPr>
      <xdr:spPr>
        <a:xfrm>
          <a:off x="14351000" y="14409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1939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4020800" y="14178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2</xdr:row>
      <xdr:rowOff>157480</xdr:rowOff>
    </xdr:from>
    <xdr:to>
      <xdr:col>64</xdr:col>
      <xdr:colOff>152400</xdr:colOff>
      <xdr:row>83</xdr:row>
      <xdr:rowOff>87630</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3462000" y="1421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1</xdr:row>
      <xdr:rowOff>97807</xdr:rowOff>
    </xdr:from>
    <xdr:ext cx="762000" cy="259045"/>
    <xdr:sp macro="" textlink="">
      <xdr:nvSpPr>
        <xdr:cNvPr id="283" name="テキスト ボックス 282">
          <a:extLst>
            <a:ext uri="{FF2B5EF4-FFF2-40B4-BE49-F238E27FC236}">
              <a16:creationId xmlns:a16="http://schemas.microsoft.com/office/drawing/2014/main" id="{00000000-0008-0000-0300-00001B010000}"/>
            </a:ext>
          </a:extLst>
        </xdr:cNvPr>
        <xdr:cNvSpPr txBox="1"/>
      </xdr:nvSpPr>
      <xdr:spPr>
        <a:xfrm>
          <a:off x="13131800" y="1398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a:extLst>
            <a:ext uri="{FF2B5EF4-FFF2-40B4-BE49-F238E27FC236}">
              <a16:creationId xmlns:a16="http://schemas.microsoft.com/office/drawing/2014/main" id="{00000000-0008-0000-0300-00001C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a:extLst>
            <a:ext uri="{FF2B5EF4-FFF2-40B4-BE49-F238E27FC236}">
              <a16:creationId xmlns:a16="http://schemas.microsoft.com/office/drawing/2014/main" id="{00000000-0008-0000-0300-00001E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a:extLst>
            <a:ext uri="{FF2B5EF4-FFF2-40B4-BE49-F238E27FC236}">
              <a16:creationId xmlns:a16="http://schemas.microsoft.com/office/drawing/2014/main" id="{00000000-0008-0000-0300-00001F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a:extLst>
            <a:ext uri="{FF2B5EF4-FFF2-40B4-BE49-F238E27FC236}">
              <a16:creationId xmlns:a16="http://schemas.microsoft.com/office/drawing/2014/main" id="{00000000-0008-0000-0300-000020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a:extLst>
            <a:ext uri="{FF2B5EF4-FFF2-40B4-BE49-F238E27FC236}">
              <a16:creationId xmlns:a16="http://schemas.microsoft.com/office/drawing/2014/main" id="{00000000-0008-0000-0300-000021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a:extLst>
            <a:ext uri="{FF2B5EF4-FFF2-40B4-BE49-F238E27FC236}">
              <a16:creationId xmlns:a16="http://schemas.microsoft.com/office/drawing/2014/main" id="{00000000-0008-0000-0300-000022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a:extLst>
            <a:ext uri="{FF2B5EF4-FFF2-40B4-BE49-F238E27FC236}">
              <a16:creationId xmlns:a16="http://schemas.microsoft.com/office/drawing/2014/main" id="{00000000-0008-0000-0300-000023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a:extLst>
            <a:ext uri="{FF2B5EF4-FFF2-40B4-BE49-F238E27FC236}">
              <a16:creationId xmlns:a16="http://schemas.microsoft.com/office/drawing/2014/main" id="{00000000-0008-0000-0300-000025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a:extLst>
            <a:ext uri="{FF2B5EF4-FFF2-40B4-BE49-F238E27FC236}">
              <a16:creationId xmlns:a16="http://schemas.microsoft.com/office/drawing/2014/main" id="{00000000-0008-0000-0300-000026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a:extLst>
            <a:ext uri="{FF2B5EF4-FFF2-40B4-BE49-F238E27FC236}">
              <a16:creationId xmlns:a16="http://schemas.microsoft.com/office/drawing/2014/main" id="{00000000-0008-0000-0300-000028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0.05</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7.54</a:t>
          </a:r>
          <a:r>
            <a:rPr kumimoji="1" lang="ja-JP" altLang="en-US" sz="1300">
              <a:latin typeface="ＭＳ Ｐゴシック" panose="020B0600070205080204" pitchFamily="50" charset="-128"/>
              <a:ea typeface="ＭＳ Ｐゴシック" panose="020B0600070205080204" pitchFamily="50" charset="-128"/>
            </a:rPr>
            <a:t>人となった。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以降、</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上回っているため、今後とも、行政課題に的確に対応する一方で、事務事業の見直しや業務委託化の推進等により職員数の増加を抑制し、定員適正化に取り組んでいく。</a:t>
          </a:r>
        </a:p>
      </xdr:txBody>
    </xdr:sp>
    <xdr:clientData/>
  </xdr:twoCellAnchor>
  <xdr:oneCellAnchor>
    <xdr:from>
      <xdr:col>61</xdr:col>
      <xdr:colOff>6350</xdr:colOff>
      <xdr:row>54</xdr:row>
      <xdr:rowOff>139700</xdr:rowOff>
    </xdr:from>
    <xdr:ext cx="349839" cy="225703"/>
    <xdr:sp macro="" textlink="">
      <xdr:nvSpPr>
        <xdr:cNvPr id="297" name="テキスト ボックス 296">
          <a:extLst>
            <a:ext uri="{FF2B5EF4-FFF2-40B4-BE49-F238E27FC236}">
              <a16:creationId xmlns:a16="http://schemas.microsoft.com/office/drawing/2014/main" id="{00000000-0008-0000-0300-000029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a:extLst>
            <a:ext uri="{FF2B5EF4-FFF2-40B4-BE49-F238E27FC236}">
              <a16:creationId xmlns:a16="http://schemas.microsoft.com/office/drawing/2014/main" id="{00000000-0008-0000-0300-00002A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a:extLst>
            <a:ext uri="{FF2B5EF4-FFF2-40B4-BE49-F238E27FC236}">
              <a16:creationId xmlns:a16="http://schemas.microsoft.com/office/drawing/2014/main" id="{00000000-0008-0000-0300-00002B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a:extLst>
            <a:ext uri="{FF2B5EF4-FFF2-40B4-BE49-F238E27FC236}">
              <a16:creationId xmlns:a16="http://schemas.microsoft.com/office/drawing/2014/main" id="{00000000-0008-0000-0300-00002C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a:extLst>
            <a:ext uri="{FF2B5EF4-FFF2-40B4-BE49-F238E27FC236}">
              <a16:creationId xmlns:a16="http://schemas.microsoft.com/office/drawing/2014/main" id="{00000000-0008-0000-0300-00002D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a:extLst>
            <a:ext uri="{FF2B5EF4-FFF2-40B4-BE49-F238E27FC236}">
              <a16:creationId xmlns:a16="http://schemas.microsoft.com/office/drawing/2014/main" id="{00000000-0008-0000-0300-00002E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a:extLst>
            <a:ext uri="{FF2B5EF4-FFF2-40B4-BE49-F238E27FC236}">
              <a16:creationId xmlns:a16="http://schemas.microsoft.com/office/drawing/2014/main" id="{00000000-0008-0000-0300-00002F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a:extLst>
            <a:ext uri="{FF2B5EF4-FFF2-40B4-BE49-F238E27FC236}">
              <a16:creationId xmlns:a16="http://schemas.microsoft.com/office/drawing/2014/main" id="{00000000-0008-0000-0300-000030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a:extLst>
            <a:ext uri="{FF2B5EF4-FFF2-40B4-BE49-F238E27FC236}">
              <a16:creationId xmlns:a16="http://schemas.microsoft.com/office/drawing/2014/main" id="{00000000-0008-0000-0300-00003A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1387</xdr:rowOff>
    </xdr:from>
    <xdr:to>
      <xdr:col>81</xdr:col>
      <xdr:colOff>44450</xdr:colOff>
      <xdr:row>67</xdr:row>
      <xdr:rowOff>42091</xdr:rowOff>
    </xdr:to>
    <xdr:cxnSp macro="">
      <xdr:nvCxnSpPr>
        <xdr:cNvPr id="315" name="直線コネクタ 314">
          <a:extLst>
            <a:ext uri="{FF2B5EF4-FFF2-40B4-BE49-F238E27FC236}">
              <a16:creationId xmlns:a16="http://schemas.microsoft.com/office/drawing/2014/main" id="{00000000-0008-0000-0300-00003B010000}"/>
            </a:ext>
          </a:extLst>
        </xdr:cNvPr>
        <xdr:cNvCxnSpPr/>
      </xdr:nvCxnSpPr>
      <xdr:spPr>
        <a:xfrm flipV="1">
          <a:off x="17018000" y="10146937"/>
          <a:ext cx="0" cy="13823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4168</xdr:rowOff>
    </xdr:from>
    <xdr:ext cx="762000" cy="259045"/>
    <xdr:sp macro="" textlink="">
      <xdr:nvSpPr>
        <xdr:cNvPr id="316" name="定員管理の状況最小値テキスト">
          <a:extLst>
            <a:ext uri="{FF2B5EF4-FFF2-40B4-BE49-F238E27FC236}">
              <a16:creationId xmlns:a16="http://schemas.microsoft.com/office/drawing/2014/main" id="{00000000-0008-0000-0300-00003C010000}"/>
            </a:ext>
          </a:extLst>
        </xdr:cNvPr>
        <xdr:cNvSpPr txBox="1"/>
      </xdr:nvSpPr>
      <xdr:spPr>
        <a:xfrm>
          <a:off x="17106900" y="11501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2091</xdr:rowOff>
    </xdr:from>
    <xdr:to>
      <xdr:col>81</xdr:col>
      <xdr:colOff>133350</xdr:colOff>
      <xdr:row>67</xdr:row>
      <xdr:rowOff>42091</xdr:rowOff>
    </xdr:to>
    <xdr:cxnSp macro="">
      <xdr:nvCxnSpPr>
        <xdr:cNvPr id="317" name="直線コネクタ 316">
          <a:extLst>
            <a:ext uri="{FF2B5EF4-FFF2-40B4-BE49-F238E27FC236}">
              <a16:creationId xmlns:a16="http://schemas.microsoft.com/office/drawing/2014/main" id="{00000000-0008-0000-0300-00003D010000}"/>
            </a:ext>
          </a:extLst>
        </xdr:cNvPr>
        <xdr:cNvCxnSpPr/>
      </xdr:nvCxnSpPr>
      <xdr:spPr>
        <a:xfrm>
          <a:off x="16929100" y="115292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7764</xdr:rowOff>
    </xdr:from>
    <xdr:ext cx="762000" cy="259045"/>
    <xdr:sp macro="" textlink="">
      <xdr:nvSpPr>
        <xdr:cNvPr id="318" name="定員管理の状況最大値テキスト">
          <a:extLst>
            <a:ext uri="{FF2B5EF4-FFF2-40B4-BE49-F238E27FC236}">
              <a16:creationId xmlns:a16="http://schemas.microsoft.com/office/drawing/2014/main" id="{00000000-0008-0000-0300-00003E010000}"/>
            </a:ext>
          </a:extLst>
        </xdr:cNvPr>
        <xdr:cNvSpPr txBox="1"/>
      </xdr:nvSpPr>
      <xdr:spPr>
        <a:xfrm>
          <a:off x="17106900" y="9890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1387</xdr:rowOff>
    </xdr:from>
    <xdr:to>
      <xdr:col>81</xdr:col>
      <xdr:colOff>133350</xdr:colOff>
      <xdr:row>59</xdr:row>
      <xdr:rowOff>31387</xdr:rowOff>
    </xdr:to>
    <xdr:cxnSp macro="">
      <xdr:nvCxnSpPr>
        <xdr:cNvPr id="319" name="直線コネクタ 318">
          <a:extLst>
            <a:ext uri="{FF2B5EF4-FFF2-40B4-BE49-F238E27FC236}">
              <a16:creationId xmlns:a16="http://schemas.microsoft.com/office/drawing/2014/main" id="{00000000-0008-0000-0300-00003F010000}"/>
            </a:ext>
          </a:extLst>
        </xdr:cNvPr>
        <xdr:cNvCxnSpPr/>
      </xdr:nvCxnSpPr>
      <xdr:spPr>
        <a:xfrm>
          <a:off x="16929100" y="101469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62137</xdr:rowOff>
    </xdr:from>
    <xdr:to>
      <xdr:col>81</xdr:col>
      <xdr:colOff>44450</xdr:colOff>
      <xdr:row>60</xdr:row>
      <xdr:rowOff>167882</xdr:rowOff>
    </xdr:to>
    <xdr:cxnSp macro="">
      <xdr:nvCxnSpPr>
        <xdr:cNvPr id="320" name="直線コネクタ 319">
          <a:extLst>
            <a:ext uri="{FF2B5EF4-FFF2-40B4-BE49-F238E27FC236}">
              <a16:creationId xmlns:a16="http://schemas.microsoft.com/office/drawing/2014/main" id="{00000000-0008-0000-0300-000040010000}"/>
            </a:ext>
          </a:extLst>
        </xdr:cNvPr>
        <xdr:cNvCxnSpPr/>
      </xdr:nvCxnSpPr>
      <xdr:spPr>
        <a:xfrm>
          <a:off x="16179800" y="10449137"/>
          <a:ext cx="838200" cy="57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62577</xdr:rowOff>
    </xdr:from>
    <xdr:ext cx="762000" cy="259045"/>
    <xdr:sp macro="" textlink="">
      <xdr:nvSpPr>
        <xdr:cNvPr id="321" name="定員管理の状況平均値テキスト">
          <a:extLst>
            <a:ext uri="{FF2B5EF4-FFF2-40B4-BE49-F238E27FC236}">
              <a16:creationId xmlns:a16="http://schemas.microsoft.com/office/drawing/2014/main" id="{00000000-0008-0000-0300-000041010000}"/>
            </a:ext>
          </a:extLst>
        </xdr:cNvPr>
        <xdr:cNvSpPr txBox="1"/>
      </xdr:nvSpPr>
      <xdr:spPr>
        <a:xfrm>
          <a:off x="17106900" y="10106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6050</xdr:rowOff>
    </xdr:from>
    <xdr:to>
      <xdr:col>81</xdr:col>
      <xdr:colOff>95250</xdr:colOff>
      <xdr:row>60</xdr:row>
      <xdr:rowOff>76200</xdr:rowOff>
    </xdr:to>
    <xdr:sp macro="" textlink="">
      <xdr:nvSpPr>
        <xdr:cNvPr id="322" name="フローチャート: 判断 321">
          <a:extLst>
            <a:ext uri="{FF2B5EF4-FFF2-40B4-BE49-F238E27FC236}">
              <a16:creationId xmlns:a16="http://schemas.microsoft.com/office/drawing/2014/main" id="{00000000-0008-0000-0300-000042010000}"/>
            </a:ext>
          </a:extLst>
        </xdr:cNvPr>
        <xdr:cNvSpPr/>
      </xdr:nvSpPr>
      <xdr:spPr>
        <a:xfrm>
          <a:off x="169672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58690</xdr:rowOff>
    </xdr:from>
    <xdr:to>
      <xdr:col>77</xdr:col>
      <xdr:colOff>44450</xdr:colOff>
      <xdr:row>60</xdr:row>
      <xdr:rowOff>162137</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5290800" y="10445690"/>
          <a:ext cx="88900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38006</xdr:rowOff>
    </xdr:from>
    <xdr:to>
      <xdr:col>77</xdr:col>
      <xdr:colOff>95250</xdr:colOff>
      <xdr:row>60</xdr:row>
      <xdr:rowOff>68156</xdr:rowOff>
    </xdr:to>
    <xdr:sp macro="" textlink="">
      <xdr:nvSpPr>
        <xdr:cNvPr id="324" name="フローチャート: 判断 323">
          <a:extLst>
            <a:ext uri="{FF2B5EF4-FFF2-40B4-BE49-F238E27FC236}">
              <a16:creationId xmlns:a16="http://schemas.microsoft.com/office/drawing/2014/main" id="{00000000-0008-0000-0300-000044010000}"/>
            </a:ext>
          </a:extLst>
        </xdr:cNvPr>
        <xdr:cNvSpPr/>
      </xdr:nvSpPr>
      <xdr:spPr>
        <a:xfrm>
          <a:off x="16129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78333</xdr:rowOff>
    </xdr:from>
    <xdr:ext cx="736600" cy="259045"/>
    <xdr:sp macro="" textlink="">
      <xdr:nvSpPr>
        <xdr:cNvPr id="325" name="テキスト ボックス 324">
          <a:extLst>
            <a:ext uri="{FF2B5EF4-FFF2-40B4-BE49-F238E27FC236}">
              <a16:creationId xmlns:a16="http://schemas.microsoft.com/office/drawing/2014/main" id="{00000000-0008-0000-0300-000045010000}"/>
            </a:ext>
          </a:extLst>
        </xdr:cNvPr>
        <xdr:cNvSpPr txBox="1"/>
      </xdr:nvSpPr>
      <xdr:spPr>
        <a:xfrm>
          <a:off x="15798800" y="100224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58690</xdr:rowOff>
    </xdr:from>
    <xdr:to>
      <xdr:col>72</xdr:col>
      <xdr:colOff>203200</xdr:colOff>
      <xdr:row>60</xdr:row>
      <xdr:rowOff>170180</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flipV="1">
          <a:off x="14401800" y="10445690"/>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6858</xdr:rowOff>
    </xdr:from>
    <xdr:to>
      <xdr:col>73</xdr:col>
      <xdr:colOff>44450</xdr:colOff>
      <xdr:row>60</xdr:row>
      <xdr:rowOff>67008</xdr:rowOff>
    </xdr:to>
    <xdr:sp macro="" textlink="">
      <xdr:nvSpPr>
        <xdr:cNvPr id="327" name="フローチャート: 判断 326">
          <a:extLst>
            <a:ext uri="{FF2B5EF4-FFF2-40B4-BE49-F238E27FC236}">
              <a16:creationId xmlns:a16="http://schemas.microsoft.com/office/drawing/2014/main" id="{00000000-0008-0000-0300-000047010000}"/>
            </a:ext>
          </a:extLst>
        </xdr:cNvPr>
        <xdr:cNvSpPr/>
      </xdr:nvSpPr>
      <xdr:spPr>
        <a:xfrm>
          <a:off x="15240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77185</xdr:rowOff>
    </xdr:from>
    <xdr:ext cx="762000" cy="259045"/>
    <xdr:sp macro="" textlink="">
      <xdr:nvSpPr>
        <xdr:cNvPr id="328" name="テキスト ボックス 327">
          <a:extLst>
            <a:ext uri="{FF2B5EF4-FFF2-40B4-BE49-F238E27FC236}">
              <a16:creationId xmlns:a16="http://schemas.microsoft.com/office/drawing/2014/main" id="{00000000-0008-0000-0300-000048010000}"/>
            </a:ext>
          </a:extLst>
        </xdr:cNvPr>
        <xdr:cNvSpPr txBox="1"/>
      </xdr:nvSpPr>
      <xdr:spPr>
        <a:xfrm>
          <a:off x="14909800" y="10021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70180</xdr:rowOff>
    </xdr:from>
    <xdr:to>
      <xdr:col>68</xdr:col>
      <xdr:colOff>152400</xdr:colOff>
      <xdr:row>61</xdr:row>
      <xdr:rowOff>1028</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flipV="1">
          <a:off x="13512800" y="10457180"/>
          <a:ext cx="889000" cy="2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43752</xdr:rowOff>
    </xdr:from>
    <xdr:to>
      <xdr:col>68</xdr:col>
      <xdr:colOff>203200</xdr:colOff>
      <xdr:row>60</xdr:row>
      <xdr:rowOff>73902</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4351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84079</xdr:rowOff>
    </xdr:from>
    <xdr:ext cx="7620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4020800" y="10028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2" name="フローチャート: 判断 331">
          <a:extLst>
            <a:ext uri="{FF2B5EF4-FFF2-40B4-BE49-F238E27FC236}">
              <a16:creationId xmlns:a16="http://schemas.microsoft.com/office/drawing/2014/main" id="{00000000-0008-0000-0300-00004C010000}"/>
            </a:ext>
          </a:extLst>
        </xdr:cNvPr>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4079</xdr:rowOff>
    </xdr:from>
    <xdr:ext cx="762000" cy="259045"/>
    <xdr:sp macro="" textlink="">
      <xdr:nvSpPr>
        <xdr:cNvPr id="333" name="テキスト ボックス 332">
          <a:extLst>
            <a:ext uri="{FF2B5EF4-FFF2-40B4-BE49-F238E27FC236}">
              <a16:creationId xmlns:a16="http://schemas.microsoft.com/office/drawing/2014/main" id="{00000000-0008-0000-0300-00004D010000}"/>
            </a:ext>
          </a:extLst>
        </xdr:cNvPr>
        <xdr:cNvSpPr txBox="1"/>
      </xdr:nvSpPr>
      <xdr:spPr>
        <a:xfrm>
          <a:off x="13131800" y="10028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a:extLst>
            <a:ext uri="{FF2B5EF4-FFF2-40B4-BE49-F238E27FC236}">
              <a16:creationId xmlns:a16="http://schemas.microsoft.com/office/drawing/2014/main" id="{00000000-0008-0000-0300-00004F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a:extLst>
            <a:ext uri="{FF2B5EF4-FFF2-40B4-BE49-F238E27FC236}">
              <a16:creationId xmlns:a16="http://schemas.microsoft.com/office/drawing/2014/main" id="{00000000-0008-0000-0300-000050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a:extLst>
            <a:ext uri="{FF2B5EF4-FFF2-40B4-BE49-F238E27FC236}">
              <a16:creationId xmlns:a16="http://schemas.microsoft.com/office/drawing/2014/main" id="{00000000-0008-0000-0300-000052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17082</xdr:rowOff>
    </xdr:from>
    <xdr:to>
      <xdr:col>81</xdr:col>
      <xdr:colOff>95250</xdr:colOff>
      <xdr:row>61</xdr:row>
      <xdr:rowOff>47232</xdr:rowOff>
    </xdr:to>
    <xdr:sp macro="" textlink="">
      <xdr:nvSpPr>
        <xdr:cNvPr id="339" name="楕円 338">
          <a:extLst>
            <a:ext uri="{FF2B5EF4-FFF2-40B4-BE49-F238E27FC236}">
              <a16:creationId xmlns:a16="http://schemas.microsoft.com/office/drawing/2014/main" id="{00000000-0008-0000-0300-000053010000}"/>
            </a:ext>
          </a:extLst>
        </xdr:cNvPr>
        <xdr:cNvSpPr/>
      </xdr:nvSpPr>
      <xdr:spPr>
        <a:xfrm>
          <a:off x="16967200" y="10404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89159</xdr:rowOff>
    </xdr:from>
    <xdr:ext cx="762000" cy="259045"/>
    <xdr:sp macro="" textlink="">
      <xdr:nvSpPr>
        <xdr:cNvPr id="340" name="定員管理の状況該当値テキスト">
          <a:extLst>
            <a:ext uri="{FF2B5EF4-FFF2-40B4-BE49-F238E27FC236}">
              <a16:creationId xmlns:a16="http://schemas.microsoft.com/office/drawing/2014/main" id="{00000000-0008-0000-0300-000054010000}"/>
            </a:ext>
          </a:extLst>
        </xdr:cNvPr>
        <xdr:cNvSpPr txBox="1"/>
      </xdr:nvSpPr>
      <xdr:spPr>
        <a:xfrm>
          <a:off x="17106900" y="103761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111337</xdr:rowOff>
    </xdr:from>
    <xdr:to>
      <xdr:col>77</xdr:col>
      <xdr:colOff>95250</xdr:colOff>
      <xdr:row>61</xdr:row>
      <xdr:rowOff>41487</xdr:rowOff>
    </xdr:to>
    <xdr:sp macro="" textlink="">
      <xdr:nvSpPr>
        <xdr:cNvPr id="341" name="楕円 340">
          <a:extLst>
            <a:ext uri="{FF2B5EF4-FFF2-40B4-BE49-F238E27FC236}">
              <a16:creationId xmlns:a16="http://schemas.microsoft.com/office/drawing/2014/main" id="{00000000-0008-0000-0300-000055010000}"/>
            </a:ext>
          </a:extLst>
        </xdr:cNvPr>
        <xdr:cNvSpPr/>
      </xdr:nvSpPr>
      <xdr:spPr>
        <a:xfrm>
          <a:off x="16129000" y="10398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26264</xdr:rowOff>
    </xdr:from>
    <xdr:ext cx="7366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798800" y="104847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107890</xdr:rowOff>
    </xdr:from>
    <xdr:to>
      <xdr:col>73</xdr:col>
      <xdr:colOff>44450</xdr:colOff>
      <xdr:row>61</xdr:row>
      <xdr:rowOff>38040</xdr:rowOff>
    </xdr:to>
    <xdr:sp macro="" textlink="">
      <xdr:nvSpPr>
        <xdr:cNvPr id="343" name="楕円 342">
          <a:extLst>
            <a:ext uri="{FF2B5EF4-FFF2-40B4-BE49-F238E27FC236}">
              <a16:creationId xmlns:a16="http://schemas.microsoft.com/office/drawing/2014/main" id="{00000000-0008-0000-0300-000057010000}"/>
            </a:ext>
          </a:extLst>
        </xdr:cNvPr>
        <xdr:cNvSpPr/>
      </xdr:nvSpPr>
      <xdr:spPr>
        <a:xfrm>
          <a:off x="15240000" y="10394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2281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4909800" y="104812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119380</xdr:rowOff>
    </xdr:from>
    <xdr:to>
      <xdr:col>68</xdr:col>
      <xdr:colOff>203200</xdr:colOff>
      <xdr:row>61</xdr:row>
      <xdr:rowOff>49530</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4351000" y="1040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4307</xdr:rowOff>
    </xdr:from>
    <xdr:ext cx="762000" cy="259045"/>
    <xdr:sp macro="" textlink="">
      <xdr:nvSpPr>
        <xdr:cNvPr id="346" name="テキスト ボックス 345">
          <a:extLst>
            <a:ext uri="{FF2B5EF4-FFF2-40B4-BE49-F238E27FC236}">
              <a16:creationId xmlns:a16="http://schemas.microsoft.com/office/drawing/2014/main" id="{00000000-0008-0000-0300-00005A010000}"/>
            </a:ext>
          </a:extLst>
        </xdr:cNvPr>
        <xdr:cNvSpPr txBox="1"/>
      </xdr:nvSpPr>
      <xdr:spPr>
        <a:xfrm>
          <a:off x="14020800" y="10492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21678</xdr:rowOff>
    </xdr:from>
    <xdr:to>
      <xdr:col>64</xdr:col>
      <xdr:colOff>152400</xdr:colOff>
      <xdr:row>61</xdr:row>
      <xdr:rowOff>51828</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3462000" y="10408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36605</xdr:rowOff>
    </xdr:from>
    <xdr:ext cx="7620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3131800" y="10495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a:extLst>
            <a:ext uri="{FF2B5EF4-FFF2-40B4-BE49-F238E27FC236}">
              <a16:creationId xmlns:a16="http://schemas.microsoft.com/office/drawing/2014/main" id="{00000000-0008-0000-0300-00005D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a:extLst>
            <a:ext uri="{FF2B5EF4-FFF2-40B4-BE49-F238E27FC236}">
              <a16:creationId xmlns:a16="http://schemas.microsoft.com/office/drawing/2014/main" id="{00000000-0008-0000-0300-00005F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a:extLst>
            <a:ext uri="{FF2B5EF4-FFF2-40B4-BE49-F238E27FC236}">
              <a16:creationId xmlns:a16="http://schemas.microsoft.com/office/drawing/2014/main" id="{00000000-0008-0000-0300-000060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a:extLst>
            <a:ext uri="{FF2B5EF4-FFF2-40B4-BE49-F238E27FC236}">
              <a16:creationId xmlns:a16="http://schemas.microsoft.com/office/drawing/2014/main" id="{00000000-0008-0000-0300-000061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a:extLst>
            <a:ext uri="{FF2B5EF4-FFF2-40B4-BE49-F238E27FC236}">
              <a16:creationId xmlns:a16="http://schemas.microsoft.com/office/drawing/2014/main" id="{00000000-0008-0000-0300-000062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a:extLst>
            <a:ext uri="{FF2B5EF4-FFF2-40B4-BE49-F238E27FC236}">
              <a16:creationId xmlns:a16="http://schemas.microsoft.com/office/drawing/2014/main" id="{00000000-0008-0000-0300-000064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a:extLst>
            <a:ext uri="{FF2B5EF4-FFF2-40B4-BE49-F238E27FC236}">
              <a16:creationId xmlns:a16="http://schemas.microsoft.com/office/drawing/2014/main" id="{00000000-0008-0000-0300-000065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a:extLst>
            <a:ext uri="{FF2B5EF4-FFF2-40B4-BE49-F238E27FC236}">
              <a16:creationId xmlns:a16="http://schemas.microsoft.com/office/drawing/2014/main" id="{00000000-0008-0000-0300-000069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となった。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決算以降、</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下回っており、引き続き、実質公債費比率の急激な変化を抑え、健全な財政運営に努めていく。</a:t>
          </a:r>
        </a:p>
      </xdr:txBody>
    </xdr:sp>
    <xdr:clientData/>
  </xdr:twoCellAnchor>
  <xdr:oneCellAnchor>
    <xdr:from>
      <xdr:col>61</xdr:col>
      <xdr:colOff>6350</xdr:colOff>
      <xdr:row>32</xdr:row>
      <xdr:rowOff>101600</xdr:rowOff>
    </xdr:from>
    <xdr:ext cx="298543" cy="225703"/>
    <xdr:sp macro="" textlink="">
      <xdr:nvSpPr>
        <xdr:cNvPr id="362" name="テキスト ボックス 361">
          <a:extLst>
            <a:ext uri="{FF2B5EF4-FFF2-40B4-BE49-F238E27FC236}">
              <a16:creationId xmlns:a16="http://schemas.microsoft.com/office/drawing/2014/main" id="{00000000-0008-0000-0300-00006A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a:extLst>
            <a:ext uri="{FF2B5EF4-FFF2-40B4-BE49-F238E27FC236}">
              <a16:creationId xmlns:a16="http://schemas.microsoft.com/office/drawing/2014/main" id="{00000000-0008-0000-0300-00006B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a:extLst>
            <a:ext uri="{FF2B5EF4-FFF2-40B4-BE49-F238E27FC236}">
              <a16:creationId xmlns:a16="http://schemas.microsoft.com/office/drawing/2014/main" id="{00000000-0008-0000-0300-00006C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a:extLst>
            <a:ext uri="{FF2B5EF4-FFF2-40B4-BE49-F238E27FC236}">
              <a16:creationId xmlns:a16="http://schemas.microsoft.com/office/drawing/2014/main" id="{00000000-0008-0000-0300-00006D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a:extLst>
            <a:ext uri="{FF2B5EF4-FFF2-40B4-BE49-F238E27FC236}">
              <a16:creationId xmlns:a16="http://schemas.microsoft.com/office/drawing/2014/main" id="{00000000-0008-0000-0300-00006E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a:extLst>
            <a:ext uri="{FF2B5EF4-FFF2-40B4-BE49-F238E27FC236}">
              <a16:creationId xmlns:a16="http://schemas.microsoft.com/office/drawing/2014/main" id="{00000000-0008-0000-0300-00006F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68" name="直線コネクタ 367">
          <a:extLst>
            <a:ext uri="{FF2B5EF4-FFF2-40B4-BE49-F238E27FC236}">
              <a16:creationId xmlns:a16="http://schemas.microsoft.com/office/drawing/2014/main" id="{00000000-0008-0000-0300-000070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0" name="直線コネクタ 369">
          <a:extLst>
            <a:ext uri="{FF2B5EF4-FFF2-40B4-BE49-F238E27FC236}">
              <a16:creationId xmlns:a16="http://schemas.microsoft.com/office/drawing/2014/main" id="{00000000-0008-0000-0300-000072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1" name="公債費負担の状況グラフ枠">
          <a:extLst>
            <a:ext uri="{FF2B5EF4-FFF2-40B4-BE49-F238E27FC236}">
              <a16:creationId xmlns:a16="http://schemas.microsoft.com/office/drawing/2014/main" id="{00000000-0008-0000-0300-000073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88900</xdr:rowOff>
    </xdr:from>
    <xdr:to>
      <xdr:col>81</xdr:col>
      <xdr:colOff>44450</xdr:colOff>
      <xdr:row>44</xdr:row>
      <xdr:rowOff>165100</xdr:rowOff>
    </xdr:to>
    <xdr:cxnSp macro="">
      <xdr:nvCxnSpPr>
        <xdr:cNvPr id="372" name="直線コネクタ 371">
          <a:extLst>
            <a:ext uri="{FF2B5EF4-FFF2-40B4-BE49-F238E27FC236}">
              <a16:creationId xmlns:a16="http://schemas.microsoft.com/office/drawing/2014/main" id="{00000000-0008-0000-0300-000074010000}"/>
            </a:ext>
          </a:extLst>
        </xdr:cNvPr>
        <xdr:cNvCxnSpPr/>
      </xdr:nvCxnSpPr>
      <xdr:spPr>
        <a:xfrm flipV="1">
          <a:off x="17018000" y="626110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37177</xdr:rowOff>
    </xdr:from>
    <xdr:ext cx="762000" cy="259045"/>
    <xdr:sp macro="" textlink="">
      <xdr:nvSpPr>
        <xdr:cNvPr id="373" name="公債費負担の状況最小値テキスト">
          <a:extLst>
            <a:ext uri="{FF2B5EF4-FFF2-40B4-BE49-F238E27FC236}">
              <a16:creationId xmlns:a16="http://schemas.microsoft.com/office/drawing/2014/main" id="{00000000-0008-0000-0300-000075010000}"/>
            </a:ext>
          </a:extLst>
        </xdr:cNvPr>
        <xdr:cNvSpPr txBox="1"/>
      </xdr:nvSpPr>
      <xdr:spPr>
        <a:xfrm>
          <a:off x="17106900" y="768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65100</xdr:rowOff>
    </xdr:from>
    <xdr:to>
      <xdr:col>81</xdr:col>
      <xdr:colOff>133350</xdr:colOff>
      <xdr:row>44</xdr:row>
      <xdr:rowOff>165100</xdr:rowOff>
    </xdr:to>
    <xdr:cxnSp macro="">
      <xdr:nvCxnSpPr>
        <xdr:cNvPr id="374" name="直線コネクタ 373">
          <a:extLst>
            <a:ext uri="{FF2B5EF4-FFF2-40B4-BE49-F238E27FC236}">
              <a16:creationId xmlns:a16="http://schemas.microsoft.com/office/drawing/2014/main" id="{00000000-0008-0000-0300-000076010000}"/>
            </a:ext>
          </a:extLst>
        </xdr:cNvPr>
        <xdr:cNvCxnSpPr/>
      </xdr:nvCxnSpPr>
      <xdr:spPr>
        <a:xfrm>
          <a:off x="16929100" y="770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3827</xdr:rowOff>
    </xdr:from>
    <xdr:ext cx="762000" cy="259045"/>
    <xdr:sp macro="" textlink="">
      <xdr:nvSpPr>
        <xdr:cNvPr id="375" name="公債費負担の状況最大値テキスト">
          <a:extLst>
            <a:ext uri="{FF2B5EF4-FFF2-40B4-BE49-F238E27FC236}">
              <a16:creationId xmlns:a16="http://schemas.microsoft.com/office/drawing/2014/main" id="{00000000-0008-0000-0300-000077010000}"/>
            </a:ext>
          </a:extLst>
        </xdr:cNvPr>
        <xdr:cNvSpPr txBox="1"/>
      </xdr:nvSpPr>
      <xdr:spPr>
        <a:xfrm>
          <a:off x="17106900" y="6004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88900</xdr:rowOff>
    </xdr:from>
    <xdr:to>
      <xdr:col>81</xdr:col>
      <xdr:colOff>133350</xdr:colOff>
      <xdr:row>36</xdr:row>
      <xdr:rowOff>88900</xdr:rowOff>
    </xdr:to>
    <xdr:cxnSp macro="">
      <xdr:nvCxnSpPr>
        <xdr:cNvPr id="376" name="直線コネクタ 375">
          <a:extLst>
            <a:ext uri="{FF2B5EF4-FFF2-40B4-BE49-F238E27FC236}">
              <a16:creationId xmlns:a16="http://schemas.microsoft.com/office/drawing/2014/main" id="{00000000-0008-0000-0300-000078010000}"/>
            </a:ext>
          </a:extLst>
        </xdr:cNvPr>
        <xdr:cNvCxnSpPr/>
      </xdr:nvCxnSpPr>
      <xdr:spPr>
        <a:xfrm>
          <a:off x="16929100" y="626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105410</xdr:rowOff>
    </xdr:from>
    <xdr:to>
      <xdr:col>81</xdr:col>
      <xdr:colOff>44450</xdr:colOff>
      <xdr:row>39</xdr:row>
      <xdr:rowOff>129540</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6179800" y="679196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99077</xdr:rowOff>
    </xdr:from>
    <xdr:ext cx="762000" cy="259045"/>
    <xdr:sp macro="" textlink="">
      <xdr:nvSpPr>
        <xdr:cNvPr id="378" name="公債費負担の状況平均値テキスト">
          <a:extLst>
            <a:ext uri="{FF2B5EF4-FFF2-40B4-BE49-F238E27FC236}">
              <a16:creationId xmlns:a16="http://schemas.microsoft.com/office/drawing/2014/main" id="{00000000-0008-0000-0300-00007A010000}"/>
            </a:ext>
          </a:extLst>
        </xdr:cNvPr>
        <xdr:cNvSpPr txBox="1"/>
      </xdr:nvSpPr>
      <xdr:spPr>
        <a:xfrm>
          <a:off x="17106900" y="67856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27000</xdr:rowOff>
    </xdr:from>
    <xdr:to>
      <xdr:col>81</xdr:col>
      <xdr:colOff>95250</xdr:colOff>
      <xdr:row>40</xdr:row>
      <xdr:rowOff>57150</xdr:rowOff>
    </xdr:to>
    <xdr:sp macro="" textlink="">
      <xdr:nvSpPr>
        <xdr:cNvPr id="379" name="フローチャート: 判断 378">
          <a:extLst>
            <a:ext uri="{FF2B5EF4-FFF2-40B4-BE49-F238E27FC236}">
              <a16:creationId xmlns:a16="http://schemas.microsoft.com/office/drawing/2014/main" id="{00000000-0008-0000-0300-00007B010000}"/>
            </a:ext>
          </a:extLst>
        </xdr:cNvPr>
        <xdr:cNvSpPr/>
      </xdr:nvSpPr>
      <xdr:spPr>
        <a:xfrm>
          <a:off x="169672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05410</xdr:rowOff>
    </xdr:from>
    <xdr:to>
      <xdr:col>77</xdr:col>
      <xdr:colOff>44450</xdr:colOff>
      <xdr:row>39</xdr:row>
      <xdr:rowOff>105410</xdr:rowOff>
    </xdr:to>
    <xdr:cxnSp macro="">
      <xdr:nvCxnSpPr>
        <xdr:cNvPr id="380" name="直線コネクタ 379">
          <a:extLst>
            <a:ext uri="{FF2B5EF4-FFF2-40B4-BE49-F238E27FC236}">
              <a16:creationId xmlns:a16="http://schemas.microsoft.com/office/drawing/2014/main" id="{00000000-0008-0000-0300-00007C010000}"/>
            </a:ext>
          </a:extLst>
        </xdr:cNvPr>
        <xdr:cNvCxnSpPr/>
      </xdr:nvCxnSpPr>
      <xdr:spPr>
        <a:xfrm>
          <a:off x="15290800" y="67919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51130</xdr:rowOff>
    </xdr:from>
    <xdr:to>
      <xdr:col>77</xdr:col>
      <xdr:colOff>95250</xdr:colOff>
      <xdr:row>40</xdr:row>
      <xdr:rowOff>81280</xdr:rowOff>
    </xdr:to>
    <xdr:sp macro="" textlink="">
      <xdr:nvSpPr>
        <xdr:cNvPr id="381" name="フローチャート: 判断 380">
          <a:extLst>
            <a:ext uri="{FF2B5EF4-FFF2-40B4-BE49-F238E27FC236}">
              <a16:creationId xmlns:a16="http://schemas.microsoft.com/office/drawing/2014/main" id="{00000000-0008-0000-0300-00007D010000}"/>
            </a:ext>
          </a:extLst>
        </xdr:cNvPr>
        <xdr:cNvSpPr/>
      </xdr:nvSpPr>
      <xdr:spPr>
        <a:xfrm>
          <a:off x="16129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66057</xdr:rowOff>
    </xdr:from>
    <xdr:ext cx="736600" cy="259045"/>
    <xdr:sp macro="" textlink="">
      <xdr:nvSpPr>
        <xdr:cNvPr id="382" name="テキスト ボックス 381">
          <a:extLst>
            <a:ext uri="{FF2B5EF4-FFF2-40B4-BE49-F238E27FC236}">
              <a16:creationId xmlns:a16="http://schemas.microsoft.com/office/drawing/2014/main" id="{00000000-0008-0000-0300-00007E010000}"/>
            </a:ext>
          </a:extLst>
        </xdr:cNvPr>
        <xdr:cNvSpPr txBox="1"/>
      </xdr:nvSpPr>
      <xdr:spPr>
        <a:xfrm>
          <a:off x="15798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105410</xdr:rowOff>
    </xdr:from>
    <xdr:to>
      <xdr:col>72</xdr:col>
      <xdr:colOff>203200</xdr:colOff>
      <xdr:row>40</xdr:row>
      <xdr:rowOff>3048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flipV="1">
          <a:off x="14401800" y="6791960"/>
          <a:ext cx="8890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27940</xdr:rowOff>
    </xdr:from>
    <xdr:to>
      <xdr:col>73</xdr:col>
      <xdr:colOff>44450</xdr:colOff>
      <xdr:row>40</xdr:row>
      <xdr:rowOff>129540</xdr:rowOff>
    </xdr:to>
    <xdr:sp macro="" textlink="">
      <xdr:nvSpPr>
        <xdr:cNvPr id="384" name="フローチャート: 判断 383">
          <a:extLst>
            <a:ext uri="{FF2B5EF4-FFF2-40B4-BE49-F238E27FC236}">
              <a16:creationId xmlns:a16="http://schemas.microsoft.com/office/drawing/2014/main" id="{00000000-0008-0000-0300-000080010000}"/>
            </a:ext>
          </a:extLst>
        </xdr:cNvPr>
        <xdr:cNvSpPr/>
      </xdr:nvSpPr>
      <xdr:spPr>
        <a:xfrm>
          <a:off x="15240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114317</xdr:rowOff>
    </xdr:from>
    <xdr:ext cx="762000" cy="259045"/>
    <xdr:sp macro="" textlink="">
      <xdr:nvSpPr>
        <xdr:cNvPr id="385" name="テキスト ボックス 384">
          <a:extLst>
            <a:ext uri="{FF2B5EF4-FFF2-40B4-BE49-F238E27FC236}">
              <a16:creationId xmlns:a16="http://schemas.microsoft.com/office/drawing/2014/main" id="{00000000-0008-0000-0300-000081010000}"/>
            </a:ext>
          </a:extLst>
        </xdr:cNvPr>
        <xdr:cNvSpPr txBox="1"/>
      </xdr:nvSpPr>
      <xdr:spPr>
        <a:xfrm>
          <a:off x="14909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0</xdr:row>
      <xdr:rowOff>30480</xdr:rowOff>
    </xdr:from>
    <xdr:to>
      <xdr:col>68</xdr:col>
      <xdr:colOff>152400</xdr:colOff>
      <xdr:row>40</xdr:row>
      <xdr:rowOff>151130</xdr:rowOff>
    </xdr:to>
    <xdr:cxnSp macro="">
      <xdr:nvCxnSpPr>
        <xdr:cNvPr id="386" name="直線コネクタ 385">
          <a:extLst>
            <a:ext uri="{FF2B5EF4-FFF2-40B4-BE49-F238E27FC236}">
              <a16:creationId xmlns:a16="http://schemas.microsoft.com/office/drawing/2014/main" id="{00000000-0008-0000-0300-000082010000}"/>
            </a:ext>
          </a:extLst>
        </xdr:cNvPr>
        <xdr:cNvCxnSpPr/>
      </xdr:nvCxnSpPr>
      <xdr:spPr>
        <a:xfrm flipV="1">
          <a:off x="13512800" y="6888480"/>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24460</xdr:rowOff>
    </xdr:from>
    <xdr:to>
      <xdr:col>68</xdr:col>
      <xdr:colOff>203200</xdr:colOff>
      <xdr:row>41</xdr:row>
      <xdr:rowOff>54610</xdr:rowOff>
    </xdr:to>
    <xdr:sp macro="" textlink="">
      <xdr:nvSpPr>
        <xdr:cNvPr id="387" name="フローチャート: 判断 386">
          <a:extLst>
            <a:ext uri="{FF2B5EF4-FFF2-40B4-BE49-F238E27FC236}">
              <a16:creationId xmlns:a16="http://schemas.microsoft.com/office/drawing/2014/main" id="{00000000-0008-0000-0300-000083010000}"/>
            </a:ext>
          </a:extLst>
        </xdr:cNvPr>
        <xdr:cNvSpPr/>
      </xdr:nvSpPr>
      <xdr:spPr>
        <a:xfrm>
          <a:off x="14351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39387</xdr:rowOff>
    </xdr:from>
    <xdr:ext cx="762000" cy="259045"/>
    <xdr:sp macro="" textlink="">
      <xdr:nvSpPr>
        <xdr:cNvPr id="388" name="テキスト ボックス 387">
          <a:extLst>
            <a:ext uri="{FF2B5EF4-FFF2-40B4-BE49-F238E27FC236}">
              <a16:creationId xmlns:a16="http://schemas.microsoft.com/office/drawing/2014/main" id="{00000000-0008-0000-0300-000084010000}"/>
            </a:ext>
          </a:extLst>
        </xdr:cNvPr>
        <xdr:cNvSpPr txBox="1"/>
      </xdr:nvSpPr>
      <xdr:spPr>
        <a:xfrm>
          <a:off x="14020800" y="7068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73660</xdr:rowOff>
    </xdr:from>
    <xdr:to>
      <xdr:col>64</xdr:col>
      <xdr:colOff>152400</xdr:colOff>
      <xdr:row>42</xdr:row>
      <xdr:rowOff>3810</xdr:rowOff>
    </xdr:to>
    <xdr:sp macro="" textlink="">
      <xdr:nvSpPr>
        <xdr:cNvPr id="389" name="フローチャート: 判断 388">
          <a:extLst>
            <a:ext uri="{FF2B5EF4-FFF2-40B4-BE49-F238E27FC236}">
              <a16:creationId xmlns:a16="http://schemas.microsoft.com/office/drawing/2014/main" id="{00000000-0008-0000-0300-000085010000}"/>
            </a:ext>
          </a:extLst>
        </xdr:cNvPr>
        <xdr:cNvSpPr/>
      </xdr:nvSpPr>
      <xdr:spPr>
        <a:xfrm>
          <a:off x="13462000" y="7103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160037</xdr:rowOff>
    </xdr:from>
    <xdr:ext cx="762000" cy="259045"/>
    <xdr:sp macro="" textlink="">
      <xdr:nvSpPr>
        <xdr:cNvPr id="390" name="テキスト ボックス 389">
          <a:extLst>
            <a:ext uri="{FF2B5EF4-FFF2-40B4-BE49-F238E27FC236}">
              <a16:creationId xmlns:a16="http://schemas.microsoft.com/office/drawing/2014/main" id="{00000000-0008-0000-0300-000086010000}"/>
            </a:ext>
          </a:extLst>
        </xdr:cNvPr>
        <xdr:cNvSpPr txBox="1"/>
      </xdr:nvSpPr>
      <xdr:spPr>
        <a:xfrm>
          <a:off x="13131800" y="718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1" name="テキスト ボックス 390">
          <a:extLst>
            <a:ext uri="{FF2B5EF4-FFF2-40B4-BE49-F238E27FC236}">
              <a16:creationId xmlns:a16="http://schemas.microsoft.com/office/drawing/2014/main" id="{00000000-0008-0000-0300-000087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2" name="テキスト ボックス 391">
          <a:extLst>
            <a:ext uri="{FF2B5EF4-FFF2-40B4-BE49-F238E27FC236}">
              <a16:creationId xmlns:a16="http://schemas.microsoft.com/office/drawing/2014/main" id="{00000000-0008-0000-0300-000088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3" name="テキスト ボックス 392">
          <a:extLst>
            <a:ext uri="{FF2B5EF4-FFF2-40B4-BE49-F238E27FC236}">
              <a16:creationId xmlns:a16="http://schemas.microsoft.com/office/drawing/2014/main" id="{00000000-0008-0000-0300-000089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4" name="テキスト ボックス 393">
          <a:extLst>
            <a:ext uri="{FF2B5EF4-FFF2-40B4-BE49-F238E27FC236}">
              <a16:creationId xmlns:a16="http://schemas.microsoft.com/office/drawing/2014/main" id="{00000000-0008-0000-0300-00008A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78740</xdr:rowOff>
    </xdr:from>
    <xdr:to>
      <xdr:col>81</xdr:col>
      <xdr:colOff>95250</xdr:colOff>
      <xdr:row>40</xdr:row>
      <xdr:rowOff>8890</xdr:rowOff>
    </xdr:to>
    <xdr:sp macro="" textlink="">
      <xdr:nvSpPr>
        <xdr:cNvPr id="396" name="楕円 395">
          <a:extLst>
            <a:ext uri="{FF2B5EF4-FFF2-40B4-BE49-F238E27FC236}">
              <a16:creationId xmlns:a16="http://schemas.microsoft.com/office/drawing/2014/main" id="{00000000-0008-0000-0300-00008C010000}"/>
            </a:ext>
          </a:extLst>
        </xdr:cNvPr>
        <xdr:cNvSpPr/>
      </xdr:nvSpPr>
      <xdr:spPr>
        <a:xfrm>
          <a:off x="16967200" y="6765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95267</xdr:rowOff>
    </xdr:from>
    <xdr:ext cx="762000" cy="259045"/>
    <xdr:sp macro="" textlink="">
      <xdr:nvSpPr>
        <xdr:cNvPr id="397" name="公債費負担の状況該当値テキスト">
          <a:extLst>
            <a:ext uri="{FF2B5EF4-FFF2-40B4-BE49-F238E27FC236}">
              <a16:creationId xmlns:a16="http://schemas.microsoft.com/office/drawing/2014/main" id="{00000000-0008-0000-0300-00008D010000}"/>
            </a:ext>
          </a:extLst>
        </xdr:cNvPr>
        <xdr:cNvSpPr txBox="1"/>
      </xdr:nvSpPr>
      <xdr:spPr>
        <a:xfrm>
          <a:off x="17106900" y="6610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54610</xdr:rowOff>
    </xdr:from>
    <xdr:to>
      <xdr:col>77</xdr:col>
      <xdr:colOff>95250</xdr:colOff>
      <xdr:row>39</xdr:row>
      <xdr:rowOff>156210</xdr:rowOff>
    </xdr:to>
    <xdr:sp macro="" textlink="">
      <xdr:nvSpPr>
        <xdr:cNvPr id="398" name="楕円 397">
          <a:extLst>
            <a:ext uri="{FF2B5EF4-FFF2-40B4-BE49-F238E27FC236}">
              <a16:creationId xmlns:a16="http://schemas.microsoft.com/office/drawing/2014/main" id="{00000000-0008-0000-0300-00008E010000}"/>
            </a:ext>
          </a:extLst>
        </xdr:cNvPr>
        <xdr:cNvSpPr/>
      </xdr:nvSpPr>
      <xdr:spPr>
        <a:xfrm>
          <a:off x="16129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6387</xdr:rowOff>
    </xdr:from>
    <xdr:ext cx="736600" cy="259045"/>
    <xdr:sp macro="" textlink="">
      <xdr:nvSpPr>
        <xdr:cNvPr id="399" name="テキスト ボックス 398">
          <a:extLst>
            <a:ext uri="{FF2B5EF4-FFF2-40B4-BE49-F238E27FC236}">
              <a16:creationId xmlns:a16="http://schemas.microsoft.com/office/drawing/2014/main" id="{00000000-0008-0000-0300-00008F010000}"/>
            </a:ext>
          </a:extLst>
        </xdr:cNvPr>
        <xdr:cNvSpPr txBox="1"/>
      </xdr:nvSpPr>
      <xdr:spPr>
        <a:xfrm>
          <a:off x="15798800" y="651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54610</xdr:rowOff>
    </xdr:from>
    <xdr:to>
      <xdr:col>73</xdr:col>
      <xdr:colOff>44450</xdr:colOff>
      <xdr:row>39</xdr:row>
      <xdr:rowOff>156210</xdr:rowOff>
    </xdr:to>
    <xdr:sp macro="" textlink="">
      <xdr:nvSpPr>
        <xdr:cNvPr id="400" name="楕円 399">
          <a:extLst>
            <a:ext uri="{FF2B5EF4-FFF2-40B4-BE49-F238E27FC236}">
              <a16:creationId xmlns:a16="http://schemas.microsoft.com/office/drawing/2014/main" id="{00000000-0008-0000-0300-000090010000}"/>
            </a:ext>
          </a:extLst>
        </xdr:cNvPr>
        <xdr:cNvSpPr/>
      </xdr:nvSpPr>
      <xdr:spPr>
        <a:xfrm>
          <a:off x="15240000" y="6741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66387</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4909800" y="6510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151130</xdr:rowOff>
    </xdr:from>
    <xdr:to>
      <xdr:col>68</xdr:col>
      <xdr:colOff>203200</xdr:colOff>
      <xdr:row>40</xdr:row>
      <xdr:rowOff>81280</xdr:rowOff>
    </xdr:to>
    <xdr:sp macro="" textlink="">
      <xdr:nvSpPr>
        <xdr:cNvPr id="402" name="楕円 401">
          <a:extLst>
            <a:ext uri="{FF2B5EF4-FFF2-40B4-BE49-F238E27FC236}">
              <a16:creationId xmlns:a16="http://schemas.microsoft.com/office/drawing/2014/main" id="{00000000-0008-0000-0300-000092010000}"/>
            </a:ext>
          </a:extLst>
        </xdr:cNvPr>
        <xdr:cNvSpPr/>
      </xdr:nvSpPr>
      <xdr:spPr>
        <a:xfrm>
          <a:off x="14351000" y="683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91457</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4020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00330</xdr:rowOff>
    </xdr:from>
    <xdr:to>
      <xdr:col>64</xdr:col>
      <xdr:colOff>152400</xdr:colOff>
      <xdr:row>41</xdr:row>
      <xdr:rowOff>30480</xdr:rowOff>
    </xdr:to>
    <xdr:sp macro="" textlink="">
      <xdr:nvSpPr>
        <xdr:cNvPr id="404" name="楕円 403">
          <a:extLst>
            <a:ext uri="{FF2B5EF4-FFF2-40B4-BE49-F238E27FC236}">
              <a16:creationId xmlns:a16="http://schemas.microsoft.com/office/drawing/2014/main" id="{00000000-0008-0000-0300-000094010000}"/>
            </a:ext>
          </a:extLst>
        </xdr:cNvPr>
        <xdr:cNvSpPr/>
      </xdr:nvSpPr>
      <xdr:spPr>
        <a:xfrm>
          <a:off x="13462000" y="695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4065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3131800" y="67272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6" name="正方形/長方形 405">
          <a:extLst>
            <a:ext uri="{FF2B5EF4-FFF2-40B4-BE49-F238E27FC236}">
              <a16:creationId xmlns:a16="http://schemas.microsoft.com/office/drawing/2014/main" id="{00000000-0008-0000-0300-000096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9" name="正方形/長方形 408">
          <a:extLst>
            <a:ext uri="{FF2B5EF4-FFF2-40B4-BE49-F238E27FC236}">
              <a16:creationId xmlns:a16="http://schemas.microsoft.com/office/drawing/2014/main" id="{00000000-0008-0000-0300-000099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0" name="正方形/長方形 409">
          <a:extLst>
            <a:ext uri="{FF2B5EF4-FFF2-40B4-BE49-F238E27FC236}">
              <a16:creationId xmlns:a16="http://schemas.microsoft.com/office/drawing/2014/main" id="{00000000-0008-0000-0300-00009A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1" name="正方形/長方形 410">
          <a:extLst>
            <a:ext uri="{FF2B5EF4-FFF2-40B4-BE49-F238E27FC236}">
              <a16:creationId xmlns:a16="http://schemas.microsoft.com/office/drawing/2014/main" id="{00000000-0008-0000-0300-00009B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2" name="正方形/長方形 411">
          <a:extLst>
            <a:ext uri="{FF2B5EF4-FFF2-40B4-BE49-F238E27FC236}">
              <a16:creationId xmlns:a16="http://schemas.microsoft.com/office/drawing/2014/main" id="{00000000-0008-0000-0300-00009C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3" name="正方形/長方形 412">
          <a:extLst>
            <a:ext uri="{FF2B5EF4-FFF2-40B4-BE49-F238E27FC236}">
              <a16:creationId xmlns:a16="http://schemas.microsoft.com/office/drawing/2014/main" id="{00000000-0008-0000-0300-00009D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4" name="正方形/長方形 413">
          <a:extLst>
            <a:ext uri="{FF2B5EF4-FFF2-40B4-BE49-F238E27FC236}">
              <a16:creationId xmlns:a16="http://schemas.microsoft.com/office/drawing/2014/main" id="{00000000-0008-0000-0300-00009E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5" name="正方形/長方形 414">
          <a:extLst>
            <a:ext uri="{FF2B5EF4-FFF2-40B4-BE49-F238E27FC236}">
              <a16:creationId xmlns:a16="http://schemas.microsoft.com/office/drawing/2014/main" id="{00000000-0008-0000-0300-00009F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6" name="正方形/長方形 415">
          <a:extLst>
            <a:ext uri="{FF2B5EF4-FFF2-40B4-BE49-F238E27FC236}">
              <a16:creationId xmlns:a16="http://schemas.microsoft.com/office/drawing/2014/main" id="{00000000-0008-0000-0300-0000A0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7" name="正方形/長方形 416">
          <a:extLst>
            <a:ext uri="{FF2B5EF4-FFF2-40B4-BE49-F238E27FC236}">
              <a16:creationId xmlns:a16="http://schemas.microsoft.com/office/drawing/2014/main" id="{00000000-0008-0000-0300-0000A1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以降、算定比率が負の値となっているため、将来負担比率は算出されていない。今後も、地方債償還額の急激な変化を抑えつつ、公債費負担の適正化に努めるなどの対応を継続していく。</a:t>
          </a:r>
        </a:p>
      </xdr:txBody>
    </xdr:sp>
    <xdr:clientData/>
  </xdr:twoCellAnchor>
  <xdr:oneCellAnchor>
    <xdr:from>
      <xdr:col>61</xdr:col>
      <xdr:colOff>6350</xdr:colOff>
      <xdr:row>10</xdr:row>
      <xdr:rowOff>63500</xdr:rowOff>
    </xdr:from>
    <xdr:ext cx="298543" cy="225703"/>
    <xdr:sp macro="" textlink="">
      <xdr:nvSpPr>
        <xdr:cNvPr id="419" name="テキスト ボックス 418">
          <a:extLst>
            <a:ext uri="{FF2B5EF4-FFF2-40B4-BE49-F238E27FC236}">
              <a16:creationId xmlns:a16="http://schemas.microsoft.com/office/drawing/2014/main" id="{00000000-0008-0000-0300-0000A3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0" name="直線コネクタ 419">
          <a:extLst>
            <a:ext uri="{FF2B5EF4-FFF2-40B4-BE49-F238E27FC236}">
              <a16:creationId xmlns:a16="http://schemas.microsoft.com/office/drawing/2014/main" id="{00000000-0008-0000-0300-0000A4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2" name="直線コネクタ 421">
          <a:extLst>
            <a:ext uri="{FF2B5EF4-FFF2-40B4-BE49-F238E27FC236}">
              <a16:creationId xmlns:a16="http://schemas.microsoft.com/office/drawing/2014/main" id="{00000000-0008-0000-0300-0000A6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3" name="テキスト ボックス 422">
          <a:extLst>
            <a:ext uri="{FF2B5EF4-FFF2-40B4-BE49-F238E27FC236}">
              <a16:creationId xmlns:a16="http://schemas.microsoft.com/office/drawing/2014/main" id="{00000000-0008-0000-0300-0000A7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4" name="直線コネクタ 423">
          <a:extLst>
            <a:ext uri="{FF2B5EF4-FFF2-40B4-BE49-F238E27FC236}">
              <a16:creationId xmlns:a16="http://schemas.microsoft.com/office/drawing/2014/main" id="{00000000-0008-0000-0300-0000A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将来負担の状況グラフ枠">
          <a:extLst>
            <a:ext uri="{FF2B5EF4-FFF2-40B4-BE49-F238E27FC236}">
              <a16:creationId xmlns:a16="http://schemas.microsoft.com/office/drawing/2014/main" id="{00000000-0008-0000-0300-0000A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26" name="直線コネクタ 425">
          <a:extLst>
            <a:ext uri="{FF2B5EF4-FFF2-40B4-BE49-F238E27FC236}">
              <a16:creationId xmlns:a16="http://schemas.microsoft.com/office/drawing/2014/main" id="{00000000-0008-0000-0300-0000AA010000}"/>
            </a:ext>
          </a:extLst>
        </xdr:cNvPr>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27" name="将来負担の状況最小値テキスト">
          <a:extLst>
            <a:ext uri="{FF2B5EF4-FFF2-40B4-BE49-F238E27FC236}">
              <a16:creationId xmlns:a16="http://schemas.microsoft.com/office/drawing/2014/main" id="{00000000-0008-0000-0300-0000AB010000}"/>
            </a:ext>
          </a:extLst>
        </xdr:cNvPr>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28" name="直線コネクタ 427">
          <a:extLst>
            <a:ext uri="{FF2B5EF4-FFF2-40B4-BE49-F238E27FC236}">
              <a16:creationId xmlns:a16="http://schemas.microsoft.com/office/drawing/2014/main" id="{00000000-0008-0000-0300-0000AC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29" name="将来負担の状況最大値テキスト">
          <a:extLst>
            <a:ext uri="{FF2B5EF4-FFF2-40B4-BE49-F238E27FC236}">
              <a16:creationId xmlns:a16="http://schemas.microsoft.com/office/drawing/2014/main" id="{00000000-0008-0000-0300-0000AD010000}"/>
            </a:ext>
          </a:extLst>
        </xdr:cNvPr>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0" name="直線コネクタ 429">
          <a:extLst>
            <a:ext uri="{FF2B5EF4-FFF2-40B4-BE49-F238E27FC236}">
              <a16:creationId xmlns:a16="http://schemas.microsoft.com/office/drawing/2014/main" id="{00000000-0008-0000-0300-0000AE010000}"/>
            </a:ext>
          </a:extLst>
        </xdr:cNvPr>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1" name="将来負担の状況平均値テキスト">
          <a:extLst>
            <a:ext uri="{FF2B5EF4-FFF2-40B4-BE49-F238E27FC236}">
              <a16:creationId xmlns:a16="http://schemas.microsoft.com/office/drawing/2014/main" id="{00000000-0008-0000-0300-0000AF010000}"/>
            </a:ext>
          </a:extLst>
        </xdr:cNvPr>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2" name="フローチャート: 判断 431">
          <a:extLst>
            <a:ext uri="{FF2B5EF4-FFF2-40B4-BE49-F238E27FC236}">
              <a16:creationId xmlns:a16="http://schemas.microsoft.com/office/drawing/2014/main" id="{00000000-0008-0000-0300-0000B0010000}"/>
            </a:ext>
          </a:extLst>
        </xdr:cNvPr>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3" name="フローチャート: 判断 432">
          <a:extLst>
            <a:ext uri="{FF2B5EF4-FFF2-40B4-BE49-F238E27FC236}">
              <a16:creationId xmlns:a16="http://schemas.microsoft.com/office/drawing/2014/main" id="{00000000-0008-0000-0300-0000B1010000}"/>
            </a:ext>
          </a:extLst>
        </xdr:cNvPr>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35" name="フローチャート: 判断 434">
          <a:extLst>
            <a:ext uri="{FF2B5EF4-FFF2-40B4-BE49-F238E27FC236}">
              <a16:creationId xmlns:a16="http://schemas.microsoft.com/office/drawing/2014/main" id="{00000000-0008-0000-0300-0000B3010000}"/>
            </a:ext>
          </a:extLst>
        </xdr:cNvPr>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37" name="フローチャート: 判断 436">
          <a:extLst>
            <a:ext uri="{FF2B5EF4-FFF2-40B4-BE49-F238E27FC236}">
              <a16:creationId xmlns:a16="http://schemas.microsoft.com/office/drawing/2014/main" id="{00000000-0008-0000-0300-0000B5010000}"/>
            </a:ext>
          </a:extLst>
        </xdr:cNvPr>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38" name="テキスト ボックス 437">
          <a:extLst>
            <a:ext uri="{FF2B5EF4-FFF2-40B4-BE49-F238E27FC236}">
              <a16:creationId xmlns:a16="http://schemas.microsoft.com/office/drawing/2014/main" id="{00000000-0008-0000-0300-0000B6010000}"/>
            </a:ext>
          </a:extLst>
        </xdr:cNvPr>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39" name="フローチャート: 判断 438">
          <a:extLst>
            <a:ext uri="{FF2B5EF4-FFF2-40B4-BE49-F238E27FC236}">
              <a16:creationId xmlns:a16="http://schemas.microsoft.com/office/drawing/2014/main" id="{00000000-0008-0000-0300-0000B7010000}"/>
            </a:ext>
          </a:extLst>
        </xdr:cNvPr>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0" name="テキスト ボックス 439">
          <a:extLst>
            <a:ext uri="{FF2B5EF4-FFF2-40B4-BE49-F238E27FC236}">
              <a16:creationId xmlns:a16="http://schemas.microsoft.com/office/drawing/2014/main" id="{00000000-0008-0000-0300-0000B8010000}"/>
            </a:ext>
          </a:extLst>
        </xdr:cNvPr>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1" name="テキスト ボックス 440">
          <a:extLst>
            <a:ext uri="{FF2B5EF4-FFF2-40B4-BE49-F238E27FC236}">
              <a16:creationId xmlns:a16="http://schemas.microsoft.com/office/drawing/2014/main" id="{00000000-0008-0000-0300-0000B9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2" name="テキスト ボックス 441">
          <a:extLst>
            <a:ext uri="{FF2B5EF4-FFF2-40B4-BE49-F238E27FC236}">
              <a16:creationId xmlns:a16="http://schemas.microsoft.com/office/drawing/2014/main" id="{00000000-0008-0000-0300-0000BA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3" name="テキスト ボックス 442">
          <a:extLst>
            <a:ext uri="{FF2B5EF4-FFF2-40B4-BE49-F238E27FC236}">
              <a16:creationId xmlns:a16="http://schemas.microsoft.com/office/drawing/2014/main" id="{00000000-0008-0000-0300-0000BB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4" name="テキスト ボックス 443">
          <a:extLst>
            <a:ext uri="{FF2B5EF4-FFF2-40B4-BE49-F238E27FC236}">
              <a16:creationId xmlns:a16="http://schemas.microsoft.com/office/drawing/2014/main" id="{00000000-0008-0000-0300-0000BC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45" name="テキスト ボックス 444">
          <a:extLst>
            <a:ext uri="{FF2B5EF4-FFF2-40B4-BE49-F238E27FC236}">
              <a16:creationId xmlns:a16="http://schemas.microsoft.com/office/drawing/2014/main" id="{00000000-0008-0000-0300-0000BD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職員数の増加などにより、前年度と比較して</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25.5</a:t>
          </a:r>
          <a:r>
            <a:rPr kumimoji="1" lang="ja-JP" altLang="en-US" sz="1300">
              <a:latin typeface="ＭＳ Ｐゴシック" panose="020B0600070205080204" pitchFamily="50" charset="-128"/>
              <a:ea typeface="ＭＳ Ｐゴシック" panose="020B0600070205080204" pitchFamily="50" charset="-128"/>
            </a:rPr>
            <a:t>％となり、</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上回っている。　　</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とも、行政課題に的確に対応する一方で、事務事業の見直しや業務委託化の推進等により職員数の増加を抑制し、定員適正化に取り組んでいく。</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33350</xdr:rowOff>
    </xdr:from>
    <xdr:to>
      <xdr:col>24</xdr:col>
      <xdr:colOff>25400</xdr:colOff>
      <xdr:row>42</xdr:row>
      <xdr:rowOff>127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912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5622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18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2</xdr:row>
      <xdr:rowOff>12700</xdr:rowOff>
    </xdr:from>
    <xdr:to>
      <xdr:col>24</xdr:col>
      <xdr:colOff>114300</xdr:colOff>
      <xdr:row>42</xdr:row>
      <xdr:rowOff>127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21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827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34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33350</xdr:rowOff>
    </xdr:from>
    <xdr:to>
      <xdr:col>24</xdr:col>
      <xdr:colOff>114300</xdr:colOff>
      <xdr:row>33</xdr:row>
      <xdr:rowOff>13335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9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114300</xdr:rowOff>
    </xdr:from>
    <xdr:to>
      <xdr:col>24</xdr:col>
      <xdr:colOff>25400</xdr:colOff>
      <xdr:row>40</xdr:row>
      <xdr:rowOff>12700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9723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257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334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46050</xdr:rowOff>
    </xdr:from>
    <xdr:to>
      <xdr:col>24</xdr:col>
      <xdr:colOff>76200</xdr:colOff>
      <xdr:row>38</xdr:row>
      <xdr:rowOff>7620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0</xdr:row>
      <xdr:rowOff>114300</xdr:rowOff>
    </xdr:from>
    <xdr:to>
      <xdr:col>19</xdr:col>
      <xdr:colOff>187325</xdr:colOff>
      <xdr:row>41</xdr:row>
      <xdr:rowOff>1905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9723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50800</xdr:rowOff>
    </xdr:from>
    <xdr:to>
      <xdr:col>20</xdr:col>
      <xdr:colOff>38100</xdr:colOff>
      <xdr:row>38</xdr:row>
      <xdr:rowOff>1524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19050</xdr:rowOff>
    </xdr:from>
    <xdr:to>
      <xdr:col>15</xdr:col>
      <xdr:colOff>98425</xdr:colOff>
      <xdr:row>41</xdr:row>
      <xdr:rowOff>8255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70485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8</xdr:row>
      <xdr:rowOff>152400</xdr:rowOff>
    </xdr:from>
    <xdr:to>
      <xdr:col>15</xdr:col>
      <xdr:colOff>149225</xdr:colOff>
      <xdr:row>39</xdr:row>
      <xdr:rowOff>8255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9272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43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82550</xdr:rowOff>
    </xdr:from>
    <xdr:to>
      <xdr:col>11</xdr:col>
      <xdr:colOff>9525</xdr:colOff>
      <xdr:row>41</xdr:row>
      <xdr:rowOff>825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7112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8</xdr:row>
      <xdr:rowOff>165100</xdr:rowOff>
    </xdr:from>
    <xdr:to>
      <xdr:col>11</xdr:col>
      <xdr:colOff>60325</xdr:colOff>
      <xdr:row>39</xdr:row>
      <xdr:rowOff>952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680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054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8</xdr:row>
      <xdr:rowOff>101600</xdr:rowOff>
    </xdr:from>
    <xdr:to>
      <xdr:col>6</xdr:col>
      <xdr:colOff>171450</xdr:colOff>
      <xdr:row>39</xdr:row>
      <xdr:rowOff>3175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61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4192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38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76200</xdr:rowOff>
    </xdr:from>
    <xdr:to>
      <xdr:col>24</xdr:col>
      <xdr:colOff>76200</xdr:colOff>
      <xdr:row>41</xdr:row>
      <xdr:rowOff>635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93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4827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90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63500</xdr:rowOff>
    </xdr:from>
    <xdr:to>
      <xdr:col>20</xdr:col>
      <xdr:colOff>38100</xdr:colOff>
      <xdr:row>40</xdr:row>
      <xdr:rowOff>16510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92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14987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7007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139700</xdr:rowOff>
    </xdr:from>
    <xdr:to>
      <xdr:col>15</xdr:col>
      <xdr:colOff>149225</xdr:colOff>
      <xdr:row>41</xdr:row>
      <xdr:rowOff>698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9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546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31750</xdr:rowOff>
    </xdr:from>
    <xdr:to>
      <xdr:col>11</xdr:col>
      <xdr:colOff>60325</xdr:colOff>
      <xdr:row>41</xdr:row>
      <xdr:rowOff>13335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706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11812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14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31750</xdr:rowOff>
    </xdr:from>
    <xdr:to>
      <xdr:col>6</xdr:col>
      <xdr:colOff>171450</xdr:colOff>
      <xdr:row>41</xdr:row>
      <xdr:rowOff>1333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06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181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14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プレミアム付商品券事業の実施などにより、前年度と比較して</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21.0</a:t>
          </a:r>
          <a:r>
            <a:rPr kumimoji="1" lang="ja-JP" altLang="en-US" sz="1300">
              <a:latin typeface="ＭＳ Ｐゴシック" panose="020B0600070205080204" pitchFamily="50" charset="-128"/>
              <a:ea typeface="ＭＳ Ｐゴシック" panose="020B0600070205080204" pitchFamily="50" charset="-128"/>
            </a:rPr>
            <a:t>％となった。</a:t>
          </a:r>
        </a:p>
        <a:p>
          <a:r>
            <a:rPr kumimoji="1" lang="ja-JP" altLang="en-US" sz="1300">
              <a:latin typeface="ＭＳ Ｐゴシック" panose="020B0600070205080204" pitchFamily="50" charset="-128"/>
              <a:ea typeface="ＭＳ Ｐゴシック" panose="020B0600070205080204" pitchFamily="50" charset="-128"/>
            </a:rPr>
            <a:t>　今後とも、委託料などの更なる適正化に取り組み、物件費の縮減に努め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69850</xdr:rowOff>
    </xdr:from>
    <xdr:to>
      <xdr:col>82</xdr:col>
      <xdr:colOff>107950</xdr:colOff>
      <xdr:row>21</xdr:row>
      <xdr:rowOff>120650</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98700"/>
          <a:ext cx="0" cy="1422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2727</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69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0650</xdr:rowOff>
    </xdr:from>
    <xdr:to>
      <xdr:col>82</xdr:col>
      <xdr:colOff>196850</xdr:colOff>
      <xdr:row>21</xdr:row>
      <xdr:rowOff>120650</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21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56227</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204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69850</xdr:rowOff>
    </xdr:from>
    <xdr:to>
      <xdr:col>82</xdr:col>
      <xdr:colOff>196850</xdr:colOff>
      <xdr:row>13</xdr:row>
      <xdr:rowOff>6985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98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4</xdr:row>
      <xdr:rowOff>152400</xdr:rowOff>
    </xdr:from>
    <xdr:to>
      <xdr:col>82</xdr:col>
      <xdr:colOff>107950</xdr:colOff>
      <xdr:row>15</xdr:row>
      <xdr:rowOff>31750</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a:off x="15671800" y="25527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4</xdr:row>
      <xdr:rowOff>14987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550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6350</xdr:rowOff>
    </xdr:from>
    <xdr:to>
      <xdr:col>82</xdr:col>
      <xdr:colOff>158750</xdr:colOff>
      <xdr:row>15</xdr:row>
      <xdr:rowOff>10795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57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4</xdr:row>
      <xdr:rowOff>38100</xdr:rowOff>
    </xdr:from>
    <xdr:to>
      <xdr:col>78</xdr:col>
      <xdr:colOff>69850</xdr:colOff>
      <xdr:row>14</xdr:row>
      <xdr:rowOff>152400</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a:off x="14782800" y="24384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50800</xdr:rowOff>
    </xdr:from>
    <xdr:to>
      <xdr:col>78</xdr:col>
      <xdr:colOff>120650</xdr:colOff>
      <xdr:row>14</xdr:row>
      <xdr:rowOff>15240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451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2</xdr:row>
      <xdr:rowOff>16257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2199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4</xdr:row>
      <xdr:rowOff>38100</xdr:rowOff>
    </xdr:from>
    <xdr:to>
      <xdr:col>73</xdr:col>
      <xdr:colOff>180975</xdr:colOff>
      <xdr:row>14</xdr:row>
      <xdr:rowOff>114300</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flipV="1">
          <a:off x="13893800" y="2438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4</xdr:row>
      <xdr:rowOff>0</xdr:rowOff>
    </xdr:from>
    <xdr:to>
      <xdr:col>74</xdr:col>
      <xdr:colOff>31750</xdr:colOff>
      <xdr:row>14</xdr:row>
      <xdr:rowOff>101600</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240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86377</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4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4</xdr:row>
      <xdr:rowOff>114300</xdr:rowOff>
    </xdr:from>
    <xdr:to>
      <xdr:col>69</xdr:col>
      <xdr:colOff>92075</xdr:colOff>
      <xdr:row>14</xdr:row>
      <xdr:rowOff>139700</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flipV="1">
          <a:off x="13004800" y="2514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158750</xdr:rowOff>
    </xdr:from>
    <xdr:to>
      <xdr:col>69</xdr:col>
      <xdr:colOff>142875</xdr:colOff>
      <xdr:row>14</xdr:row>
      <xdr:rowOff>8890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2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990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215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82550</xdr:rowOff>
    </xdr:from>
    <xdr:to>
      <xdr:col>65</xdr:col>
      <xdr:colOff>53975</xdr:colOff>
      <xdr:row>14</xdr:row>
      <xdr:rowOff>12700</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231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228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52400</xdr:rowOff>
    </xdr:from>
    <xdr:to>
      <xdr:col>82</xdr:col>
      <xdr:colOff>158750</xdr:colOff>
      <xdr:row>15</xdr:row>
      <xdr:rowOff>8255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255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68927</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239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4</xdr:row>
      <xdr:rowOff>101600</xdr:rowOff>
    </xdr:from>
    <xdr:to>
      <xdr:col>78</xdr:col>
      <xdr:colOff>120650</xdr:colOff>
      <xdr:row>15</xdr:row>
      <xdr:rowOff>3175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250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6527</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2588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158750</xdr:rowOff>
    </xdr:from>
    <xdr:to>
      <xdr:col>74</xdr:col>
      <xdr:colOff>31750</xdr:colOff>
      <xdr:row>14</xdr:row>
      <xdr:rowOff>88900</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238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99077</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215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4</xdr:row>
      <xdr:rowOff>63500</xdr:rowOff>
    </xdr:from>
    <xdr:to>
      <xdr:col>69</xdr:col>
      <xdr:colOff>142875</xdr:colOff>
      <xdr:row>14</xdr:row>
      <xdr:rowOff>165100</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2463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149877</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255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4</xdr:row>
      <xdr:rowOff>88900</xdr:rowOff>
    </xdr:from>
    <xdr:to>
      <xdr:col>65</xdr:col>
      <xdr:colOff>53975</xdr:colOff>
      <xdr:row>15</xdr:row>
      <xdr:rowOff>19050</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48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3827</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575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減の</a:t>
          </a:r>
          <a:r>
            <a:rPr kumimoji="1" lang="en-US" altLang="ja-JP" sz="1300">
              <a:latin typeface="ＭＳ Ｐゴシック" panose="020B0600070205080204" pitchFamily="50" charset="-128"/>
              <a:ea typeface="ＭＳ Ｐゴシック" panose="020B0600070205080204" pitchFamily="50" charset="-128"/>
            </a:rPr>
            <a:t>18.9</a:t>
          </a:r>
          <a:r>
            <a:rPr kumimoji="1" lang="ja-JP" altLang="en-US" sz="1300">
              <a:latin typeface="ＭＳ Ｐゴシック" panose="020B0600070205080204" pitchFamily="50" charset="-128"/>
              <a:ea typeface="ＭＳ Ｐゴシック" panose="020B0600070205080204" pitchFamily="50" charset="-128"/>
            </a:rPr>
            <a:t>％となった。　</a:t>
          </a:r>
        </a:p>
        <a:p>
          <a:r>
            <a:rPr kumimoji="1" lang="ja-JP" altLang="en-US" sz="1300">
              <a:latin typeface="ＭＳ Ｐゴシック" panose="020B0600070205080204" pitchFamily="50" charset="-128"/>
              <a:ea typeface="ＭＳ Ｐゴシック" panose="020B0600070205080204" pitchFamily="50" charset="-128"/>
            </a:rPr>
            <a:t>　今後も、障害者への自立支援給付費や委託保育費などの社会保障関係費の増が見込まれるため、将来的な財政収支見通しの中で、扶助費を含む義務的経費全体の動向を踏まえ、財政の柔軟性を確保する。</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4</xdr:row>
      <xdr:rowOff>73660</xdr:rowOff>
    </xdr:from>
    <xdr:to>
      <xdr:col>24</xdr:col>
      <xdr:colOff>25400</xdr:colOff>
      <xdr:row>61</xdr:row>
      <xdr:rowOff>3175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331960"/>
          <a:ext cx="0" cy="1158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16003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9075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4</xdr:row>
      <xdr:rowOff>73660</xdr:rowOff>
    </xdr:from>
    <xdr:to>
      <xdr:col>24</xdr:col>
      <xdr:colOff>114300</xdr:colOff>
      <xdr:row>54</xdr:row>
      <xdr:rowOff>7366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331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24130</xdr:rowOff>
    </xdr:from>
    <xdr:to>
      <xdr:col>24</xdr:col>
      <xdr:colOff>25400</xdr:colOff>
      <xdr:row>59</xdr:row>
      <xdr:rowOff>3175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987800" y="101396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495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10099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1430</xdr:rowOff>
    </xdr:from>
    <xdr:to>
      <xdr:col>24</xdr:col>
      <xdr:colOff>76200</xdr:colOff>
      <xdr:row>59</xdr:row>
      <xdr:rowOff>11303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1012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31750</xdr:rowOff>
    </xdr:from>
    <xdr:to>
      <xdr:col>19</xdr:col>
      <xdr:colOff>187325</xdr:colOff>
      <xdr:row>59</xdr:row>
      <xdr:rowOff>3937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flipV="1">
          <a:off x="3098800" y="101473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9</xdr:row>
      <xdr:rowOff>26670</xdr:rowOff>
    </xdr:from>
    <xdr:to>
      <xdr:col>20</xdr:col>
      <xdr:colOff>38100</xdr:colOff>
      <xdr:row>59</xdr:row>
      <xdr:rowOff>12827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10142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1304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102285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8</xdr:row>
      <xdr:rowOff>165100</xdr:rowOff>
    </xdr:from>
    <xdr:to>
      <xdr:col>15</xdr:col>
      <xdr:colOff>98425</xdr:colOff>
      <xdr:row>59</xdr:row>
      <xdr:rowOff>3937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a:off x="2209800" y="101092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9050</xdr:rowOff>
    </xdr:from>
    <xdr:to>
      <xdr:col>15</xdr:col>
      <xdr:colOff>149225</xdr:colOff>
      <xdr:row>59</xdr:row>
      <xdr:rowOff>1206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10542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10220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104140</xdr:rowOff>
    </xdr:from>
    <xdr:to>
      <xdr:col>11</xdr:col>
      <xdr:colOff>9525</xdr:colOff>
      <xdr:row>58</xdr:row>
      <xdr:rowOff>16510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1004824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114300</xdr:rowOff>
    </xdr:from>
    <xdr:to>
      <xdr:col>11</xdr:col>
      <xdr:colOff>60325</xdr:colOff>
      <xdr:row>59</xdr:row>
      <xdr:rowOff>444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1005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546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0960</xdr:rowOff>
    </xdr:from>
    <xdr:to>
      <xdr:col>6</xdr:col>
      <xdr:colOff>171450</xdr:colOff>
      <xdr:row>58</xdr:row>
      <xdr:rowOff>16256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10005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4733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10091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8</xdr:row>
      <xdr:rowOff>144780</xdr:rowOff>
    </xdr:from>
    <xdr:to>
      <xdr:col>24</xdr:col>
      <xdr:colOff>76200</xdr:colOff>
      <xdr:row>59</xdr:row>
      <xdr:rowOff>7493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10088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6130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93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52400</xdr:rowOff>
    </xdr:from>
    <xdr:to>
      <xdr:col>20</xdr:col>
      <xdr:colOff>38100</xdr:colOff>
      <xdr:row>59</xdr:row>
      <xdr:rowOff>825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1009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9272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865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8</xdr:row>
      <xdr:rowOff>160020</xdr:rowOff>
    </xdr:from>
    <xdr:to>
      <xdr:col>15</xdr:col>
      <xdr:colOff>149225</xdr:colOff>
      <xdr:row>59</xdr:row>
      <xdr:rowOff>9017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10104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0034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87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8</xdr:row>
      <xdr:rowOff>114300</xdr:rowOff>
    </xdr:from>
    <xdr:to>
      <xdr:col>11</xdr:col>
      <xdr:colOff>60325</xdr:colOff>
      <xdr:row>59</xdr:row>
      <xdr:rowOff>444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10058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292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1014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53340</xdr:rowOff>
    </xdr:from>
    <xdr:to>
      <xdr:col>6</xdr:col>
      <xdr:colOff>171450</xdr:colOff>
      <xdr:row>58</xdr:row>
      <xdr:rowOff>15494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997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6511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76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9.5</a:t>
          </a:r>
          <a:r>
            <a:rPr kumimoji="1" lang="ja-JP" altLang="en-US" sz="1300">
              <a:latin typeface="ＭＳ Ｐゴシック" panose="020B0600070205080204" pitchFamily="50" charset="-128"/>
              <a:ea typeface="ＭＳ Ｐゴシック" panose="020B0600070205080204" pitchFamily="50" charset="-128"/>
            </a:rPr>
            <a:t>％となったものの、</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年連続で</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下回った。これは、被保険者数の増などにより、広域連合繰出金や介護保険事業勘定への繰出金が増となったことなどによるものである。</a:t>
          </a:r>
        </a:p>
        <a:p>
          <a:r>
            <a:rPr kumimoji="1" lang="ja-JP" altLang="en-US" sz="1300">
              <a:latin typeface="ＭＳ Ｐゴシック" panose="020B0600070205080204" pitchFamily="50" charset="-128"/>
              <a:ea typeface="ＭＳ Ｐゴシック" panose="020B0600070205080204" pitchFamily="50" charset="-128"/>
            </a:rPr>
            <a:t>　今後とも、保険料の徴収強化などにより、普通会計の負担を減らしていくよう努める。</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69850</xdr:rowOff>
    </xdr:from>
    <xdr:to>
      <xdr:col>82</xdr:col>
      <xdr:colOff>107950</xdr:colOff>
      <xdr:row>61</xdr:row>
      <xdr:rowOff>3175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flipV="1">
          <a:off x="16510000" y="89852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5" name="その他最小値テキスト">
          <a:extLst>
            <a:ext uri="{FF2B5EF4-FFF2-40B4-BE49-F238E27FC236}">
              <a16:creationId xmlns:a16="http://schemas.microsoft.com/office/drawing/2014/main" id="{00000000-0008-0000-0400-0000F5000000}"/>
            </a:ext>
          </a:extLst>
        </xdr:cNvPr>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0</xdr:row>
      <xdr:rowOff>156227</xdr:rowOff>
    </xdr:from>
    <xdr:ext cx="762000" cy="259045"/>
    <xdr:sp macro="" textlink="">
      <xdr:nvSpPr>
        <xdr:cNvPr id="247" name="その他最大値テキスト">
          <a:extLst>
            <a:ext uri="{FF2B5EF4-FFF2-40B4-BE49-F238E27FC236}">
              <a16:creationId xmlns:a16="http://schemas.microsoft.com/office/drawing/2014/main" id="{00000000-0008-0000-0400-0000F7000000}"/>
            </a:ext>
          </a:extLst>
        </xdr:cNvPr>
        <xdr:cNvSpPr txBox="1"/>
      </xdr:nvSpPr>
      <xdr:spPr>
        <a:xfrm>
          <a:off x="16598900" y="872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69850</xdr:rowOff>
    </xdr:from>
    <xdr:to>
      <xdr:col>82</xdr:col>
      <xdr:colOff>196850</xdr:colOff>
      <xdr:row>52</xdr:row>
      <xdr:rowOff>6985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8985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27000</xdr:rowOff>
    </xdr:from>
    <xdr:to>
      <xdr:col>82</xdr:col>
      <xdr:colOff>107950</xdr:colOff>
      <xdr:row>56</xdr:row>
      <xdr:rowOff>14605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a:off x="15671800" y="972820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24477</xdr:rowOff>
    </xdr:from>
    <xdr:ext cx="762000" cy="259045"/>
    <xdr:sp macro="" textlink="">
      <xdr:nvSpPr>
        <xdr:cNvPr id="250" name="その他平均値テキスト">
          <a:extLst>
            <a:ext uri="{FF2B5EF4-FFF2-40B4-BE49-F238E27FC236}">
              <a16:creationId xmlns:a16="http://schemas.microsoft.com/office/drawing/2014/main" id="{00000000-0008-0000-0400-0000FA000000}"/>
            </a:ext>
          </a:extLst>
        </xdr:cNvPr>
        <xdr:cNvSpPr txBox="1"/>
      </xdr:nvSpPr>
      <xdr:spPr>
        <a:xfrm>
          <a:off x="16598900" y="97256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152400</xdr:rowOff>
    </xdr:from>
    <xdr:to>
      <xdr:col>82</xdr:col>
      <xdr:colOff>158750</xdr:colOff>
      <xdr:row>57</xdr:row>
      <xdr:rowOff>82550</xdr:rowOff>
    </xdr:to>
    <xdr:sp macro="" textlink="">
      <xdr:nvSpPr>
        <xdr:cNvPr id="251" name="フローチャート: 判断 250">
          <a:extLst>
            <a:ext uri="{FF2B5EF4-FFF2-40B4-BE49-F238E27FC236}">
              <a16:creationId xmlns:a16="http://schemas.microsoft.com/office/drawing/2014/main" id="{00000000-0008-0000-0400-0000FB000000}"/>
            </a:ext>
          </a:extLst>
        </xdr:cNvPr>
        <xdr:cNvSpPr/>
      </xdr:nvSpPr>
      <xdr:spPr>
        <a:xfrm>
          <a:off x="164592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07950</xdr:rowOff>
    </xdr:from>
    <xdr:to>
      <xdr:col>78</xdr:col>
      <xdr:colOff>69850</xdr:colOff>
      <xdr:row>56</xdr:row>
      <xdr:rowOff>12700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a:off x="14782800" y="97091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07950</xdr:rowOff>
    </xdr:from>
    <xdr:to>
      <xdr:col>73</xdr:col>
      <xdr:colOff>180975</xdr:colOff>
      <xdr:row>56</xdr:row>
      <xdr:rowOff>16510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893800" y="97091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9050</xdr:rowOff>
    </xdr:from>
    <xdr:to>
      <xdr:col>74</xdr:col>
      <xdr:colOff>31750</xdr:colOff>
      <xdr:row>57</xdr:row>
      <xdr:rowOff>12065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4732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0542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4401800" y="987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65100</xdr:rowOff>
    </xdr:from>
    <xdr:to>
      <xdr:col>69</xdr:col>
      <xdr:colOff>92075</xdr:colOff>
      <xdr:row>57</xdr:row>
      <xdr:rowOff>88900</xdr:rowOff>
    </xdr:to>
    <xdr:cxnSp macro="">
      <xdr:nvCxnSpPr>
        <xdr:cNvPr id="258" name="直線コネクタ 257">
          <a:extLst>
            <a:ext uri="{FF2B5EF4-FFF2-40B4-BE49-F238E27FC236}">
              <a16:creationId xmlns:a16="http://schemas.microsoft.com/office/drawing/2014/main" id="{00000000-0008-0000-0400-000002010000}"/>
            </a:ext>
          </a:extLst>
        </xdr:cNvPr>
        <xdr:cNvCxnSpPr/>
      </xdr:nvCxnSpPr>
      <xdr:spPr>
        <a:xfrm flipV="1">
          <a:off x="13004800" y="97663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152400</xdr:rowOff>
    </xdr:from>
    <xdr:to>
      <xdr:col>69</xdr:col>
      <xdr:colOff>142875</xdr:colOff>
      <xdr:row>57</xdr:row>
      <xdr:rowOff>82550</xdr:rowOff>
    </xdr:to>
    <xdr:sp macro="" textlink="">
      <xdr:nvSpPr>
        <xdr:cNvPr id="259" name="フローチャート: 判断 258">
          <a:extLst>
            <a:ext uri="{FF2B5EF4-FFF2-40B4-BE49-F238E27FC236}">
              <a16:creationId xmlns:a16="http://schemas.microsoft.com/office/drawing/2014/main" id="{00000000-0008-0000-0400-000003010000}"/>
            </a:ext>
          </a:extLst>
        </xdr:cNvPr>
        <xdr:cNvSpPr/>
      </xdr:nvSpPr>
      <xdr:spPr>
        <a:xfrm>
          <a:off x="13843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6732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3512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76200</xdr:rowOff>
    </xdr:from>
    <xdr:to>
      <xdr:col>65</xdr:col>
      <xdr:colOff>53975</xdr:colOff>
      <xdr:row>57</xdr:row>
      <xdr:rowOff>6350</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2954000" y="9677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652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2623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95250</xdr:rowOff>
    </xdr:from>
    <xdr:to>
      <xdr:col>82</xdr:col>
      <xdr:colOff>158750</xdr:colOff>
      <xdr:row>57</xdr:row>
      <xdr:rowOff>254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6459200" y="969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111777</xdr:rowOff>
    </xdr:from>
    <xdr:ext cx="762000" cy="259045"/>
    <xdr:sp macro="" textlink="">
      <xdr:nvSpPr>
        <xdr:cNvPr id="269" name="その他該当値テキスト">
          <a:extLst>
            <a:ext uri="{FF2B5EF4-FFF2-40B4-BE49-F238E27FC236}">
              <a16:creationId xmlns:a16="http://schemas.microsoft.com/office/drawing/2014/main" id="{00000000-0008-0000-0400-00000D010000}"/>
            </a:ext>
          </a:extLst>
        </xdr:cNvPr>
        <xdr:cNvSpPr txBox="1"/>
      </xdr:nvSpPr>
      <xdr:spPr>
        <a:xfrm>
          <a:off x="16598900" y="954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76200</xdr:rowOff>
    </xdr:from>
    <xdr:to>
      <xdr:col>78</xdr:col>
      <xdr:colOff>120650</xdr:colOff>
      <xdr:row>57</xdr:row>
      <xdr:rowOff>635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5621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6527</xdr:rowOff>
    </xdr:from>
    <xdr:ext cx="7366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5290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57150</xdr:rowOff>
    </xdr:from>
    <xdr:to>
      <xdr:col>74</xdr:col>
      <xdr:colOff>31750</xdr:colOff>
      <xdr:row>56</xdr:row>
      <xdr:rowOff>15875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4732000" y="965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6892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4401800" y="9427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14300</xdr:rowOff>
    </xdr:from>
    <xdr:to>
      <xdr:col>69</xdr:col>
      <xdr:colOff>142875</xdr:colOff>
      <xdr:row>57</xdr:row>
      <xdr:rowOff>44450</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3843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54627</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3512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38100</xdr:rowOff>
    </xdr:from>
    <xdr:to>
      <xdr:col>65</xdr:col>
      <xdr:colOff>53975</xdr:colOff>
      <xdr:row>57</xdr:row>
      <xdr:rowOff>139700</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2954000" y="9810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24477</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2623800" y="9897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増減なしの</a:t>
          </a:r>
          <a:r>
            <a:rPr kumimoji="1" lang="en-US" altLang="ja-JP" sz="1300">
              <a:latin typeface="ＭＳ Ｐゴシック" panose="020B0600070205080204" pitchFamily="50" charset="-128"/>
              <a:ea typeface="ＭＳ Ｐゴシック" panose="020B0600070205080204" pitchFamily="50" charset="-128"/>
            </a:rPr>
            <a:t>4.2</a:t>
          </a:r>
          <a:r>
            <a:rPr kumimoji="1" lang="ja-JP" altLang="en-US" sz="1300">
              <a:latin typeface="ＭＳ Ｐゴシック" panose="020B0600070205080204" pitchFamily="50" charset="-128"/>
              <a:ea typeface="ＭＳ Ｐゴシック" panose="020B0600070205080204" pitchFamily="50" charset="-128"/>
            </a:rPr>
            <a:t>％となった。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以降、ほぼ横ばいで推移しており、</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下回っている。</a:t>
          </a:r>
        </a:p>
        <a:p>
          <a:r>
            <a:rPr kumimoji="1" lang="ja-JP" altLang="en-US" sz="1300">
              <a:latin typeface="ＭＳ Ｐゴシック" panose="020B0600070205080204" pitchFamily="50" charset="-128"/>
              <a:ea typeface="ＭＳ Ｐゴシック" panose="020B0600070205080204" pitchFamily="50" charset="-128"/>
            </a:rPr>
            <a:t>　今後とも、外郭団体等への補助金の更なる適正化に取り組み、補助費等の縮減に努めていく。</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146050</xdr:rowOff>
    </xdr:from>
    <xdr:to>
      <xdr:col>82</xdr:col>
      <xdr:colOff>107950</xdr:colOff>
      <xdr:row>40</xdr:row>
      <xdr:rowOff>6985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6510000" y="5803900"/>
          <a:ext cx="0" cy="1123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41927</xdr:rowOff>
    </xdr:from>
    <xdr:ext cx="762000" cy="259045"/>
    <xdr:sp macro="" textlink="">
      <xdr:nvSpPr>
        <xdr:cNvPr id="306" name="補助費等最小値テキスト">
          <a:extLst>
            <a:ext uri="{FF2B5EF4-FFF2-40B4-BE49-F238E27FC236}">
              <a16:creationId xmlns:a16="http://schemas.microsoft.com/office/drawing/2014/main" id="{00000000-0008-0000-0400-000032010000}"/>
            </a:ext>
          </a:extLst>
        </xdr:cNvPr>
        <xdr:cNvSpPr txBox="1"/>
      </xdr:nvSpPr>
      <xdr:spPr>
        <a:xfrm>
          <a:off x="16598900" y="6899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69850</xdr:rowOff>
    </xdr:from>
    <xdr:to>
      <xdr:col>82</xdr:col>
      <xdr:colOff>196850</xdr:colOff>
      <xdr:row>40</xdr:row>
      <xdr:rowOff>6985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692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60977</xdr:rowOff>
    </xdr:from>
    <xdr:ext cx="762000" cy="259045"/>
    <xdr:sp macro="" textlink="">
      <xdr:nvSpPr>
        <xdr:cNvPr id="308" name="補助費等最大値テキスト">
          <a:extLst>
            <a:ext uri="{FF2B5EF4-FFF2-40B4-BE49-F238E27FC236}">
              <a16:creationId xmlns:a16="http://schemas.microsoft.com/office/drawing/2014/main" id="{00000000-0008-0000-0400-000034010000}"/>
            </a:ext>
          </a:extLst>
        </xdr:cNvPr>
        <xdr:cNvSpPr txBox="1"/>
      </xdr:nvSpPr>
      <xdr:spPr>
        <a:xfrm>
          <a:off x="16598900" y="5547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146050</xdr:rowOff>
    </xdr:from>
    <xdr:to>
      <xdr:col>82</xdr:col>
      <xdr:colOff>196850</xdr:colOff>
      <xdr:row>33</xdr:row>
      <xdr:rowOff>14605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580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69850</xdr:rowOff>
    </xdr:from>
    <xdr:to>
      <xdr:col>82</xdr:col>
      <xdr:colOff>107950</xdr:colOff>
      <xdr:row>35</xdr:row>
      <xdr:rowOff>6985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a:off x="15671800" y="60706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48277</xdr:rowOff>
    </xdr:from>
    <xdr:ext cx="762000" cy="259045"/>
    <xdr:sp macro="" textlink="">
      <xdr:nvSpPr>
        <xdr:cNvPr id="311" name="補助費等平均値テキスト">
          <a:extLst>
            <a:ext uri="{FF2B5EF4-FFF2-40B4-BE49-F238E27FC236}">
              <a16:creationId xmlns:a16="http://schemas.microsoft.com/office/drawing/2014/main" id="{00000000-0008-0000-0400-000037010000}"/>
            </a:ext>
          </a:extLst>
        </xdr:cNvPr>
        <xdr:cNvSpPr txBox="1"/>
      </xdr:nvSpPr>
      <xdr:spPr>
        <a:xfrm>
          <a:off x="16598900" y="6049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76200</xdr:rowOff>
    </xdr:from>
    <xdr:to>
      <xdr:col>82</xdr:col>
      <xdr:colOff>158750</xdr:colOff>
      <xdr:row>36</xdr:row>
      <xdr:rowOff>6350</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64592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69850</xdr:rowOff>
    </xdr:from>
    <xdr:to>
      <xdr:col>78</xdr:col>
      <xdr:colOff>69850</xdr:colOff>
      <xdr:row>35</xdr:row>
      <xdr:rowOff>8890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4782800" y="60706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62577</xdr:rowOff>
    </xdr:from>
    <xdr:ext cx="7366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5290800" y="6163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5</xdr:row>
      <xdr:rowOff>88900</xdr:rowOff>
    </xdr:from>
    <xdr:to>
      <xdr:col>73</xdr:col>
      <xdr:colOff>180975</xdr:colOff>
      <xdr:row>35</xdr:row>
      <xdr:rowOff>88900</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3893800" y="60896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14300</xdr:rowOff>
    </xdr:from>
    <xdr:to>
      <xdr:col>74</xdr:col>
      <xdr:colOff>31750</xdr:colOff>
      <xdr:row>36</xdr:row>
      <xdr:rowOff>4445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4732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2922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401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69850</xdr:rowOff>
    </xdr:from>
    <xdr:to>
      <xdr:col>69</xdr:col>
      <xdr:colOff>92075</xdr:colOff>
      <xdr:row>35</xdr:row>
      <xdr:rowOff>88900</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a:off x="13004800" y="60706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22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512800" y="6201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52400</xdr:rowOff>
    </xdr:from>
    <xdr:to>
      <xdr:col>65</xdr:col>
      <xdr:colOff>53975</xdr:colOff>
      <xdr:row>36</xdr:row>
      <xdr:rowOff>82550</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2954000" y="61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6732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623800" y="623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9050</xdr:rowOff>
    </xdr:from>
    <xdr:to>
      <xdr:col>82</xdr:col>
      <xdr:colOff>158750</xdr:colOff>
      <xdr:row>35</xdr:row>
      <xdr:rowOff>12065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64592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35577</xdr:rowOff>
    </xdr:from>
    <xdr:ext cx="762000" cy="259045"/>
    <xdr:sp macro="" textlink="">
      <xdr:nvSpPr>
        <xdr:cNvPr id="330" name="補助費等該当値テキスト">
          <a:extLst>
            <a:ext uri="{FF2B5EF4-FFF2-40B4-BE49-F238E27FC236}">
              <a16:creationId xmlns:a16="http://schemas.microsoft.com/office/drawing/2014/main" id="{00000000-0008-0000-0400-00004A010000}"/>
            </a:ext>
          </a:extLst>
        </xdr:cNvPr>
        <xdr:cNvSpPr txBox="1"/>
      </xdr:nvSpPr>
      <xdr:spPr>
        <a:xfrm>
          <a:off x="16598900" y="586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19050</xdr:rowOff>
    </xdr:from>
    <xdr:to>
      <xdr:col>78</xdr:col>
      <xdr:colOff>120650</xdr:colOff>
      <xdr:row>35</xdr:row>
      <xdr:rowOff>12065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56210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3</xdr:row>
      <xdr:rowOff>130827</xdr:rowOff>
    </xdr:from>
    <xdr:ext cx="7366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5290800" y="5788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38100</xdr:rowOff>
    </xdr:from>
    <xdr:to>
      <xdr:col>74</xdr:col>
      <xdr:colOff>31750</xdr:colOff>
      <xdr:row>35</xdr:row>
      <xdr:rowOff>139700</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4732000" y="603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149877</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44018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5</xdr:row>
      <xdr:rowOff>38100</xdr:rowOff>
    </xdr:from>
    <xdr:to>
      <xdr:col>69</xdr:col>
      <xdr:colOff>142875</xdr:colOff>
      <xdr:row>35</xdr:row>
      <xdr:rowOff>139700</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3843000" y="603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149877</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3512800" y="5807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9050</xdr:rowOff>
    </xdr:from>
    <xdr:to>
      <xdr:col>65</xdr:col>
      <xdr:colOff>53975</xdr:colOff>
      <xdr:row>35</xdr:row>
      <xdr:rowOff>120650</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29540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0827</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2623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本庁舎免振改修工事などの起債の元金償還開始により、前年度と比較して</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となり、</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上回った。</a:t>
          </a:r>
        </a:p>
        <a:p>
          <a:r>
            <a:rPr kumimoji="1" lang="ja-JP" altLang="en-US" sz="1300">
              <a:latin typeface="ＭＳ Ｐゴシック" panose="020B0600070205080204" pitchFamily="50" charset="-128"/>
              <a:ea typeface="ＭＳ Ｐゴシック" panose="020B0600070205080204" pitchFamily="50" charset="-128"/>
            </a:rPr>
            <a:t>　今後の起債発行においても、世代間の公平な負担を図るとともに、地方債償還額の急激な変化を抑えつつ、公債費負担の適正化に努めていく。</a:t>
          </a: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12700</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5476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6227</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404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12700</xdr:rowOff>
    </xdr:from>
    <xdr:to>
      <xdr:col>24</xdr:col>
      <xdr:colOff>114300</xdr:colOff>
      <xdr:row>82</xdr:row>
      <xdr:rowOff>1270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4071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146050</xdr:rowOff>
    </xdr:from>
    <xdr:to>
      <xdr:col>24</xdr:col>
      <xdr:colOff>25400</xdr:colOff>
      <xdr:row>78</xdr:row>
      <xdr:rowOff>5080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3987800" y="133477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177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41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146050</xdr:rowOff>
    </xdr:from>
    <xdr:to>
      <xdr:col>19</xdr:col>
      <xdr:colOff>187325</xdr:colOff>
      <xdr:row>78</xdr:row>
      <xdr:rowOff>8890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33477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8</xdr:row>
      <xdr:rowOff>0</xdr:rowOff>
    </xdr:from>
    <xdr:to>
      <xdr:col>20</xdr:col>
      <xdr:colOff>38100</xdr:colOff>
      <xdr:row>78</xdr:row>
      <xdr:rowOff>10160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8637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45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8</xdr:row>
      <xdr:rowOff>88900</xdr:rowOff>
    </xdr:from>
    <xdr:to>
      <xdr:col>15</xdr:col>
      <xdr:colOff>98425</xdr:colOff>
      <xdr:row>80</xdr:row>
      <xdr:rowOff>50800</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2209800" y="134620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9</xdr:row>
      <xdr:rowOff>19050</xdr:rowOff>
    </xdr:from>
    <xdr:to>
      <xdr:col>15</xdr:col>
      <xdr:colOff>149225</xdr:colOff>
      <xdr:row>79</xdr:row>
      <xdr:rowOff>1206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9</xdr:row>
      <xdr:rowOff>10542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8</xdr:row>
      <xdr:rowOff>165100</xdr:rowOff>
    </xdr:from>
    <xdr:to>
      <xdr:col>11</xdr:col>
      <xdr:colOff>9525</xdr:colOff>
      <xdr:row>80</xdr:row>
      <xdr:rowOff>50800</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a:off x="1320800" y="1353820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95250</xdr:rowOff>
    </xdr:from>
    <xdr:to>
      <xdr:col>11</xdr:col>
      <xdr:colOff>60325</xdr:colOff>
      <xdr:row>80</xdr:row>
      <xdr:rowOff>25400</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355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40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114300</xdr:rowOff>
    </xdr:from>
    <xdr:to>
      <xdr:col>6</xdr:col>
      <xdr:colOff>171450</xdr:colOff>
      <xdr:row>81</xdr:row>
      <xdr:rowOff>44450</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83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1</xdr:row>
      <xdr:rowOff>29227</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91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8</xdr:row>
      <xdr:rowOff>0</xdr:rowOff>
    </xdr:from>
    <xdr:to>
      <xdr:col>24</xdr:col>
      <xdr:colOff>76200</xdr:colOff>
      <xdr:row>78</xdr:row>
      <xdr:rowOff>10160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337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3527</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334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7</xdr:row>
      <xdr:rowOff>95250</xdr:rowOff>
    </xdr:from>
    <xdr:to>
      <xdr:col>20</xdr:col>
      <xdr:colOff>38100</xdr:colOff>
      <xdr:row>78</xdr:row>
      <xdr:rowOff>2540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3296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35577</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3065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8</xdr:row>
      <xdr:rowOff>38100</xdr:rowOff>
    </xdr:from>
    <xdr:to>
      <xdr:col>15</xdr:col>
      <xdr:colOff>149225</xdr:colOff>
      <xdr:row>78</xdr:row>
      <xdr:rowOff>139700</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411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6</xdr:row>
      <xdr:rowOff>149877</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318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80</xdr:row>
      <xdr:rowOff>0</xdr:rowOff>
    </xdr:from>
    <xdr:to>
      <xdr:col>11</xdr:col>
      <xdr:colOff>60325</xdr:colOff>
      <xdr:row>80</xdr:row>
      <xdr:rowOff>101600</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7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86377</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380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114300</xdr:rowOff>
    </xdr:from>
    <xdr:to>
      <xdr:col>6</xdr:col>
      <xdr:colOff>171450</xdr:colOff>
      <xdr:row>79</xdr:row>
      <xdr:rowOff>44450</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48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54627</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令和元年度決算は、前年度と比較して</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増の</a:t>
          </a:r>
          <a:r>
            <a:rPr kumimoji="1" lang="en-US" altLang="ja-JP" sz="1300">
              <a:latin typeface="ＭＳ Ｐゴシック" panose="020B0600070205080204" pitchFamily="50" charset="-128"/>
              <a:ea typeface="ＭＳ Ｐゴシック" panose="020B0600070205080204" pitchFamily="50" charset="-128"/>
            </a:rPr>
            <a:t>79.1</a:t>
          </a:r>
          <a:r>
            <a:rPr kumimoji="1" lang="ja-JP" altLang="en-US" sz="1300">
              <a:latin typeface="ＭＳ Ｐゴシック" panose="020B0600070205080204" pitchFamily="50" charset="-128"/>
              <a:ea typeface="ＭＳ Ｐゴシック" panose="020B0600070205080204" pitchFamily="50" charset="-128"/>
            </a:rPr>
            <a:t>％となり、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以降、</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区平均を上回っている。</a:t>
          </a:r>
        </a:p>
        <a:p>
          <a:r>
            <a:rPr kumimoji="1" lang="ja-JP" altLang="en-US" sz="1300">
              <a:latin typeface="ＭＳ Ｐゴシック" panose="020B0600070205080204" pitchFamily="50" charset="-128"/>
              <a:ea typeface="ＭＳ Ｐゴシック" panose="020B0600070205080204" pitchFamily="50" charset="-128"/>
            </a:rPr>
            <a:t>　今後とも行財政改革への取組を通じ、経常的経費の縮減に努めていく。</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37193</xdr:rowOff>
    </xdr:from>
    <xdr:to>
      <xdr:col>82</xdr:col>
      <xdr:colOff>107950</xdr:colOff>
      <xdr:row>82</xdr:row>
      <xdr:rowOff>29029</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553043"/>
          <a:ext cx="0" cy="15348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1106</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4060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29029</xdr:rowOff>
    </xdr:from>
    <xdr:to>
      <xdr:col>82</xdr:col>
      <xdr:colOff>196850</xdr:colOff>
      <xdr:row>82</xdr:row>
      <xdr:rowOff>29029</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40879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23570</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29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37193</xdr:rowOff>
    </xdr:from>
    <xdr:to>
      <xdr:col>82</xdr:col>
      <xdr:colOff>196850</xdr:colOff>
      <xdr:row>73</xdr:row>
      <xdr:rowOff>37193</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553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127000</xdr:rowOff>
    </xdr:from>
    <xdr:to>
      <xdr:col>82</xdr:col>
      <xdr:colOff>107950</xdr:colOff>
      <xdr:row>79</xdr:row>
      <xdr:rowOff>9979</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5671800" y="13500100"/>
          <a:ext cx="8382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9120</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1093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62593</xdr:rowOff>
    </xdr:from>
    <xdr:to>
      <xdr:col>82</xdr:col>
      <xdr:colOff>158750</xdr:colOff>
      <xdr:row>77</xdr:row>
      <xdr:rowOff>164193</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8</xdr:row>
      <xdr:rowOff>105229</xdr:rowOff>
    </xdr:from>
    <xdr:to>
      <xdr:col>78</xdr:col>
      <xdr:colOff>69850</xdr:colOff>
      <xdr:row>78</xdr:row>
      <xdr:rowOff>127000</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4782800" y="13478329"/>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62593</xdr:rowOff>
    </xdr:from>
    <xdr:to>
      <xdr:col>78</xdr:col>
      <xdr:colOff>120650</xdr:colOff>
      <xdr:row>77</xdr:row>
      <xdr:rowOff>164193</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264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2920</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303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05229</xdr:rowOff>
    </xdr:from>
    <xdr:to>
      <xdr:col>73</xdr:col>
      <xdr:colOff>180975</xdr:colOff>
      <xdr:row>79</xdr:row>
      <xdr:rowOff>20864</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flipV="1">
          <a:off x="13893800" y="13478329"/>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17021</xdr:rowOff>
    </xdr:from>
    <xdr:to>
      <xdr:col>74</xdr:col>
      <xdr:colOff>31750</xdr:colOff>
      <xdr:row>78</xdr:row>
      <xdr:rowOff>47171</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57348</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70543</xdr:rowOff>
    </xdr:from>
    <xdr:to>
      <xdr:col>69</xdr:col>
      <xdr:colOff>92075</xdr:colOff>
      <xdr:row>79</xdr:row>
      <xdr:rowOff>20864</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004800" y="13543643"/>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7843</xdr:rowOff>
    </xdr:from>
    <xdr:to>
      <xdr:col>69</xdr:col>
      <xdr:colOff>142875</xdr:colOff>
      <xdr:row>77</xdr:row>
      <xdr:rowOff>87993</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188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8170</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295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11578</xdr:rowOff>
    </xdr:from>
    <xdr:to>
      <xdr:col>65</xdr:col>
      <xdr:colOff>53975</xdr:colOff>
      <xdr:row>76</xdr:row>
      <xdr:rowOff>41728</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2970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51905</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2739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30629</xdr:rowOff>
    </xdr:from>
    <xdr:to>
      <xdr:col>82</xdr:col>
      <xdr:colOff>158750</xdr:colOff>
      <xdr:row>79</xdr:row>
      <xdr:rowOff>60779</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503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02706</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3475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8</xdr:row>
      <xdr:rowOff>76200</xdr:rowOff>
    </xdr:from>
    <xdr:to>
      <xdr:col>78</xdr:col>
      <xdr:colOff>120650</xdr:colOff>
      <xdr:row>79</xdr:row>
      <xdr:rowOff>6350</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8</xdr:row>
      <xdr:rowOff>162577</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5356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54429</xdr:rowOff>
    </xdr:from>
    <xdr:to>
      <xdr:col>74</xdr:col>
      <xdr:colOff>31750</xdr:colOff>
      <xdr:row>78</xdr:row>
      <xdr:rowOff>156029</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427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40806</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513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141514</xdr:rowOff>
    </xdr:from>
    <xdr:to>
      <xdr:col>69</xdr:col>
      <xdr:colOff>142875</xdr:colOff>
      <xdr:row>79</xdr:row>
      <xdr:rowOff>71664</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514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56441</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9743</xdr:rowOff>
    </xdr:from>
    <xdr:to>
      <xdr:col>65</xdr:col>
      <xdr:colOff>53975</xdr:colOff>
      <xdr:row>79</xdr:row>
      <xdr:rowOff>49893</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49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34670</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5792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17599</xdr:rowOff>
    </xdr:from>
    <xdr:to>
      <xdr:col>29</xdr:col>
      <xdr:colOff>127000</xdr:colOff>
      <xdr:row>19</xdr:row>
      <xdr:rowOff>83305</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flipV="1">
          <a:off x="5651500" y="2122624"/>
          <a:ext cx="0" cy="1265856"/>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5382</xdr:rowOff>
    </xdr:from>
    <xdr:ext cx="762000" cy="259045"/>
    <xdr:sp macro="" textlink="">
      <xdr:nvSpPr>
        <xdr:cNvPr id="48" name="人口1人当たり決算額の推移最小値テキスト130">
          <a:extLst>
            <a:ext uri="{FF2B5EF4-FFF2-40B4-BE49-F238E27FC236}">
              <a16:creationId xmlns:a16="http://schemas.microsoft.com/office/drawing/2014/main" id="{00000000-0008-0000-0500-000030000000}"/>
            </a:ext>
          </a:extLst>
        </xdr:cNvPr>
        <xdr:cNvSpPr txBox="1"/>
      </xdr:nvSpPr>
      <xdr:spPr>
        <a:xfrm>
          <a:off x="5740400" y="336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3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3305</xdr:rowOff>
    </xdr:from>
    <xdr:to>
      <xdr:col>30</xdr:col>
      <xdr:colOff>25400</xdr:colOff>
      <xdr:row>19</xdr:row>
      <xdr:rowOff>8330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33884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3976</xdr:rowOff>
    </xdr:from>
    <xdr:ext cx="762000" cy="259045"/>
    <xdr:sp macro="" textlink="">
      <xdr:nvSpPr>
        <xdr:cNvPr id="50" name="人口1人当たり決算額の推移最大値テキスト130">
          <a:extLst>
            <a:ext uri="{FF2B5EF4-FFF2-40B4-BE49-F238E27FC236}">
              <a16:creationId xmlns:a16="http://schemas.microsoft.com/office/drawing/2014/main" id="{00000000-0008-0000-0500-000032000000}"/>
            </a:ext>
          </a:extLst>
        </xdr:cNvPr>
        <xdr:cNvSpPr txBox="1"/>
      </xdr:nvSpPr>
      <xdr:spPr>
        <a:xfrm>
          <a:off x="5740400" y="18661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6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17599</xdr:rowOff>
    </xdr:from>
    <xdr:to>
      <xdr:col>30</xdr:col>
      <xdr:colOff>25400</xdr:colOff>
      <xdr:row>12</xdr:row>
      <xdr:rowOff>17599</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21226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129634</xdr:rowOff>
    </xdr:from>
    <xdr:to>
      <xdr:col>29</xdr:col>
      <xdr:colOff>127000</xdr:colOff>
      <xdr:row>17</xdr:row>
      <xdr:rowOff>142458</xdr:rowOff>
    </xdr:to>
    <xdr:cxnSp macro="">
      <xdr:nvCxnSpPr>
        <xdr:cNvPr id="52" name="直線コネクタ 51">
          <a:extLst>
            <a:ext uri="{FF2B5EF4-FFF2-40B4-BE49-F238E27FC236}">
              <a16:creationId xmlns:a16="http://schemas.microsoft.com/office/drawing/2014/main" id="{00000000-0008-0000-0500-000034000000}"/>
            </a:ext>
          </a:extLst>
        </xdr:cNvPr>
        <xdr:cNvCxnSpPr/>
      </xdr:nvCxnSpPr>
      <xdr:spPr bwMode="auto">
        <a:xfrm flipV="1">
          <a:off x="5003800" y="3091909"/>
          <a:ext cx="647700" cy="128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8</xdr:row>
      <xdr:rowOff>36586</xdr:rowOff>
    </xdr:from>
    <xdr:ext cx="762000" cy="259045"/>
    <xdr:sp macro="" textlink="">
      <xdr:nvSpPr>
        <xdr:cNvPr id="53" name="人口1人当たり決算額の推移平均値テキスト130">
          <a:extLst>
            <a:ext uri="{FF2B5EF4-FFF2-40B4-BE49-F238E27FC236}">
              <a16:creationId xmlns:a16="http://schemas.microsoft.com/office/drawing/2014/main" id="{00000000-0008-0000-0500-000035000000}"/>
            </a:ext>
          </a:extLst>
        </xdr:cNvPr>
        <xdr:cNvSpPr txBox="1"/>
      </xdr:nvSpPr>
      <xdr:spPr>
        <a:xfrm>
          <a:off x="5740400" y="317031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64509</xdr:rowOff>
    </xdr:from>
    <xdr:to>
      <xdr:col>29</xdr:col>
      <xdr:colOff>177800</xdr:colOff>
      <xdr:row>18</xdr:row>
      <xdr:rowOff>166108</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56007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24083</xdr:rowOff>
    </xdr:from>
    <xdr:to>
      <xdr:col>26</xdr:col>
      <xdr:colOff>50800</xdr:colOff>
      <xdr:row>17</xdr:row>
      <xdr:rowOff>142458</xdr:rowOff>
    </xdr:to>
    <xdr:cxnSp macro="">
      <xdr:nvCxnSpPr>
        <xdr:cNvPr id="55" name="直線コネクタ 54">
          <a:extLst>
            <a:ext uri="{FF2B5EF4-FFF2-40B4-BE49-F238E27FC236}">
              <a16:creationId xmlns:a16="http://schemas.microsoft.com/office/drawing/2014/main" id="{00000000-0008-0000-0500-000037000000}"/>
            </a:ext>
          </a:extLst>
        </xdr:cNvPr>
        <xdr:cNvCxnSpPr/>
      </xdr:nvCxnSpPr>
      <xdr:spPr bwMode="auto">
        <a:xfrm>
          <a:off x="4305300" y="3086358"/>
          <a:ext cx="698500" cy="183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9952</xdr:rowOff>
    </xdr:from>
    <xdr:to>
      <xdr:col>26</xdr:col>
      <xdr:colOff>101600</xdr:colOff>
      <xdr:row>19</xdr:row>
      <xdr:rowOff>102</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49530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56329</xdr:rowOff>
    </xdr:from>
    <xdr:ext cx="736600" cy="259045"/>
    <xdr:sp macro="" textlink="">
      <xdr:nvSpPr>
        <xdr:cNvPr id="57" name="テキスト ボックス 56">
          <a:extLst>
            <a:ext uri="{FF2B5EF4-FFF2-40B4-BE49-F238E27FC236}">
              <a16:creationId xmlns:a16="http://schemas.microsoft.com/office/drawing/2014/main" id="{00000000-0008-0000-0500-000039000000}"/>
            </a:ext>
          </a:extLst>
        </xdr:cNvPr>
        <xdr:cNvSpPr txBox="1"/>
      </xdr:nvSpPr>
      <xdr:spPr>
        <a:xfrm>
          <a:off x="4622800" y="32900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121067</xdr:rowOff>
    </xdr:from>
    <xdr:to>
      <xdr:col>22</xdr:col>
      <xdr:colOff>114300</xdr:colOff>
      <xdr:row>17</xdr:row>
      <xdr:rowOff>124083</xdr:rowOff>
    </xdr:to>
    <xdr:cxnSp macro="">
      <xdr:nvCxnSpPr>
        <xdr:cNvPr id="58" name="直線コネクタ 57">
          <a:extLst>
            <a:ext uri="{FF2B5EF4-FFF2-40B4-BE49-F238E27FC236}">
              <a16:creationId xmlns:a16="http://schemas.microsoft.com/office/drawing/2014/main" id="{00000000-0008-0000-0500-00003A000000}"/>
            </a:ext>
          </a:extLst>
        </xdr:cNvPr>
        <xdr:cNvCxnSpPr/>
      </xdr:nvCxnSpPr>
      <xdr:spPr bwMode="auto">
        <a:xfrm>
          <a:off x="3606800" y="3083342"/>
          <a:ext cx="698500" cy="30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54810</xdr:rowOff>
    </xdr:from>
    <xdr:to>
      <xdr:col>22</xdr:col>
      <xdr:colOff>165100</xdr:colOff>
      <xdr:row>18</xdr:row>
      <xdr:rowOff>156410</xdr:rowOff>
    </xdr:to>
    <xdr:sp macro="" textlink="">
      <xdr:nvSpPr>
        <xdr:cNvPr id="59" name="フローチャート: 判断 58">
          <a:extLst>
            <a:ext uri="{FF2B5EF4-FFF2-40B4-BE49-F238E27FC236}">
              <a16:creationId xmlns:a16="http://schemas.microsoft.com/office/drawing/2014/main" id="{00000000-0008-0000-0500-00003B000000}"/>
            </a:ext>
          </a:extLst>
        </xdr:cNvPr>
        <xdr:cNvSpPr/>
      </xdr:nvSpPr>
      <xdr:spPr bwMode="auto">
        <a:xfrm>
          <a:off x="42545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41186</xdr:rowOff>
    </xdr:from>
    <xdr:ext cx="762000" cy="259045"/>
    <xdr:sp macro="" textlink="">
      <xdr:nvSpPr>
        <xdr:cNvPr id="60" name="テキスト ボックス 59">
          <a:extLst>
            <a:ext uri="{FF2B5EF4-FFF2-40B4-BE49-F238E27FC236}">
              <a16:creationId xmlns:a16="http://schemas.microsoft.com/office/drawing/2014/main" id="{00000000-0008-0000-0500-00003C000000}"/>
            </a:ext>
          </a:extLst>
        </xdr:cNvPr>
        <xdr:cNvSpPr txBox="1"/>
      </xdr:nvSpPr>
      <xdr:spPr>
        <a:xfrm>
          <a:off x="3924300" y="327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116746</xdr:rowOff>
    </xdr:from>
    <xdr:to>
      <xdr:col>18</xdr:col>
      <xdr:colOff>177800</xdr:colOff>
      <xdr:row>17</xdr:row>
      <xdr:rowOff>121067</xdr:rowOff>
    </xdr:to>
    <xdr:cxnSp macro="">
      <xdr:nvCxnSpPr>
        <xdr:cNvPr id="61" name="直線コネクタ 60">
          <a:extLst>
            <a:ext uri="{FF2B5EF4-FFF2-40B4-BE49-F238E27FC236}">
              <a16:creationId xmlns:a16="http://schemas.microsoft.com/office/drawing/2014/main" id="{00000000-0008-0000-0500-00003D000000}"/>
            </a:ext>
          </a:extLst>
        </xdr:cNvPr>
        <xdr:cNvCxnSpPr/>
      </xdr:nvCxnSpPr>
      <xdr:spPr bwMode="auto">
        <a:xfrm>
          <a:off x="2908300" y="3079021"/>
          <a:ext cx="698500" cy="43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8812</xdr:rowOff>
    </xdr:from>
    <xdr:to>
      <xdr:col>19</xdr:col>
      <xdr:colOff>38100</xdr:colOff>
      <xdr:row>18</xdr:row>
      <xdr:rowOff>150412</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35560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3518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3225800" y="326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594</xdr:rowOff>
    </xdr:from>
    <xdr:to>
      <xdr:col>15</xdr:col>
      <xdr:colOff>101600</xdr:colOff>
      <xdr:row>18</xdr:row>
      <xdr:rowOff>150194</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2857500" y="31823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4971</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2527300" y="3268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78834</xdr:rowOff>
    </xdr:from>
    <xdr:to>
      <xdr:col>29</xdr:col>
      <xdr:colOff>177800</xdr:colOff>
      <xdr:row>18</xdr:row>
      <xdr:rowOff>8984</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5600700" y="3041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95361</xdr:rowOff>
    </xdr:from>
    <xdr:ext cx="762000" cy="259045"/>
    <xdr:sp macro="" textlink="">
      <xdr:nvSpPr>
        <xdr:cNvPr id="72" name="人口1人当たり決算額の推移該当値テキスト130">
          <a:extLst>
            <a:ext uri="{FF2B5EF4-FFF2-40B4-BE49-F238E27FC236}">
              <a16:creationId xmlns:a16="http://schemas.microsoft.com/office/drawing/2014/main" id="{00000000-0008-0000-0500-000048000000}"/>
            </a:ext>
          </a:extLst>
        </xdr:cNvPr>
        <xdr:cNvSpPr txBox="1"/>
      </xdr:nvSpPr>
      <xdr:spPr>
        <a:xfrm>
          <a:off x="5740400" y="2886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91658</xdr:rowOff>
    </xdr:from>
    <xdr:to>
      <xdr:col>26</xdr:col>
      <xdr:colOff>101600</xdr:colOff>
      <xdr:row>18</xdr:row>
      <xdr:rowOff>21808</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953000" y="305393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31985</xdr:rowOff>
    </xdr:from>
    <xdr:ext cx="7366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4622800" y="28228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73283</xdr:rowOff>
    </xdr:from>
    <xdr:to>
      <xdr:col>22</xdr:col>
      <xdr:colOff>165100</xdr:colOff>
      <xdr:row>18</xdr:row>
      <xdr:rowOff>3433</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254500" y="303555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3610</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924300" y="28044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70267</xdr:rowOff>
    </xdr:from>
    <xdr:to>
      <xdr:col>19</xdr:col>
      <xdr:colOff>38100</xdr:colOff>
      <xdr:row>18</xdr:row>
      <xdr:rowOff>417</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3556000" y="303254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10594</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225800" y="28014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65946</xdr:rowOff>
    </xdr:from>
    <xdr:to>
      <xdr:col>15</xdr:col>
      <xdr:colOff>101600</xdr:colOff>
      <xdr:row>17</xdr:row>
      <xdr:rowOff>167546</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2857500" y="30282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6273</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2527300" y="2797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3</xdr:row>
      <xdr:rowOff>107950</xdr:rowOff>
    </xdr:from>
    <xdr:to>
      <xdr:col>33</xdr:col>
      <xdr:colOff>114300</xdr:colOff>
      <xdr:row>33</xdr:row>
      <xdr:rowOff>1079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4" name="人口1人当たり決算額の推移グラフ枠445">
          <a:extLst>
            <a:ext uri="{FF2B5EF4-FFF2-40B4-BE49-F238E27FC236}">
              <a16:creationId xmlns:a16="http://schemas.microsoft.com/office/drawing/2014/main" id="{00000000-0008-0000-0500-000068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78816</xdr:rowOff>
    </xdr:from>
    <xdr:to>
      <xdr:col>29</xdr:col>
      <xdr:colOff>127000</xdr:colOff>
      <xdr:row>38</xdr:row>
      <xdr:rowOff>10160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flipV="1">
          <a:off x="5651500" y="6103366"/>
          <a:ext cx="0" cy="146583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73677</xdr:rowOff>
    </xdr:from>
    <xdr:ext cx="762000" cy="259045"/>
    <xdr:sp macro="" textlink="">
      <xdr:nvSpPr>
        <xdr:cNvPr id="106" name="人口1人当たり決算額の推移最小値テキスト445">
          <a:extLst>
            <a:ext uri="{FF2B5EF4-FFF2-40B4-BE49-F238E27FC236}">
              <a16:creationId xmlns:a16="http://schemas.microsoft.com/office/drawing/2014/main" id="{00000000-0008-0000-0500-00006A000000}"/>
            </a:ext>
          </a:extLst>
        </xdr:cNvPr>
        <xdr:cNvSpPr txBox="1"/>
      </xdr:nvSpPr>
      <xdr:spPr>
        <a:xfrm>
          <a:off x="5740400" y="754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01600</xdr:rowOff>
    </xdr:from>
    <xdr:to>
      <xdr:col>30</xdr:col>
      <xdr:colOff>25400</xdr:colOff>
      <xdr:row>38</xdr:row>
      <xdr:rowOff>1016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5562600" y="756920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93743</xdr:rowOff>
    </xdr:from>
    <xdr:ext cx="762000" cy="259045"/>
    <xdr:sp macro="" textlink="">
      <xdr:nvSpPr>
        <xdr:cNvPr id="108" name="人口1人当たり決算額の推移最大値テキスト445">
          <a:extLst>
            <a:ext uri="{FF2B5EF4-FFF2-40B4-BE49-F238E27FC236}">
              <a16:creationId xmlns:a16="http://schemas.microsoft.com/office/drawing/2014/main" id="{00000000-0008-0000-0500-00006C000000}"/>
            </a:ext>
          </a:extLst>
        </xdr:cNvPr>
        <xdr:cNvSpPr txBox="1"/>
      </xdr:nvSpPr>
      <xdr:spPr>
        <a:xfrm>
          <a:off x="5740400" y="5846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78816</xdr:rowOff>
    </xdr:from>
    <xdr:to>
      <xdr:col>30</xdr:col>
      <xdr:colOff>25400</xdr:colOff>
      <xdr:row>33</xdr:row>
      <xdr:rowOff>178816</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610336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35636</xdr:rowOff>
    </xdr:from>
    <xdr:to>
      <xdr:col>29</xdr:col>
      <xdr:colOff>127000</xdr:colOff>
      <xdr:row>37</xdr:row>
      <xdr:rowOff>66548</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003800" y="7088886"/>
          <a:ext cx="647700" cy="1023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66336</xdr:rowOff>
    </xdr:from>
    <xdr:ext cx="762000" cy="259045"/>
    <xdr:sp macro="" textlink="">
      <xdr:nvSpPr>
        <xdr:cNvPr id="111" name="人口1人当たり決算額の推移平均値テキスト445">
          <a:extLst>
            <a:ext uri="{FF2B5EF4-FFF2-40B4-BE49-F238E27FC236}">
              <a16:creationId xmlns:a16="http://schemas.microsoft.com/office/drawing/2014/main" id="{00000000-0008-0000-0500-00006F000000}"/>
            </a:ext>
          </a:extLst>
        </xdr:cNvPr>
        <xdr:cNvSpPr txBox="1"/>
      </xdr:nvSpPr>
      <xdr:spPr>
        <a:xfrm>
          <a:off x="5740400" y="687668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78359</xdr:rowOff>
    </xdr:from>
    <xdr:to>
      <xdr:col>29</xdr:col>
      <xdr:colOff>177800</xdr:colOff>
      <xdr:row>37</xdr:row>
      <xdr:rowOff>8509</xdr:rowOff>
    </xdr:to>
    <xdr:sp macro="" textlink="">
      <xdr:nvSpPr>
        <xdr:cNvPr id="112" name="フローチャート: 判断 111">
          <a:extLst>
            <a:ext uri="{FF2B5EF4-FFF2-40B4-BE49-F238E27FC236}">
              <a16:creationId xmlns:a16="http://schemas.microsoft.com/office/drawing/2014/main" id="{00000000-0008-0000-0500-000070000000}"/>
            </a:ext>
          </a:extLst>
        </xdr:cNvPr>
        <xdr:cNvSpPr/>
      </xdr:nvSpPr>
      <xdr:spPr bwMode="auto">
        <a:xfrm>
          <a:off x="5600700" y="703160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59563</xdr:rowOff>
    </xdr:from>
    <xdr:to>
      <xdr:col>26</xdr:col>
      <xdr:colOff>50800</xdr:colOff>
      <xdr:row>37</xdr:row>
      <xdr:rowOff>66548</xdr:rowOff>
    </xdr:to>
    <xdr:cxnSp macro="">
      <xdr:nvCxnSpPr>
        <xdr:cNvPr id="113" name="直線コネクタ 112">
          <a:extLst>
            <a:ext uri="{FF2B5EF4-FFF2-40B4-BE49-F238E27FC236}">
              <a16:creationId xmlns:a16="http://schemas.microsoft.com/office/drawing/2014/main" id="{00000000-0008-0000-0500-000071000000}"/>
            </a:ext>
          </a:extLst>
        </xdr:cNvPr>
        <xdr:cNvCxnSpPr/>
      </xdr:nvCxnSpPr>
      <xdr:spPr bwMode="auto">
        <a:xfrm>
          <a:off x="4305300" y="7184263"/>
          <a:ext cx="698500" cy="698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76327</xdr:rowOff>
    </xdr:from>
    <xdr:to>
      <xdr:col>26</xdr:col>
      <xdr:colOff>101600</xdr:colOff>
      <xdr:row>37</xdr:row>
      <xdr:rowOff>647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4953000" y="70295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88104</xdr:rowOff>
    </xdr:from>
    <xdr:ext cx="736600" cy="259045"/>
    <xdr:sp macro="" textlink="">
      <xdr:nvSpPr>
        <xdr:cNvPr id="115" name="テキスト ボックス 114">
          <a:extLst>
            <a:ext uri="{FF2B5EF4-FFF2-40B4-BE49-F238E27FC236}">
              <a16:creationId xmlns:a16="http://schemas.microsoft.com/office/drawing/2014/main" id="{00000000-0008-0000-0500-000073000000}"/>
            </a:ext>
          </a:extLst>
        </xdr:cNvPr>
        <xdr:cNvSpPr txBox="1"/>
      </xdr:nvSpPr>
      <xdr:spPr>
        <a:xfrm>
          <a:off x="4622800" y="67984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66116</xdr:rowOff>
    </xdr:from>
    <xdr:to>
      <xdr:col>22</xdr:col>
      <xdr:colOff>114300</xdr:colOff>
      <xdr:row>37</xdr:row>
      <xdr:rowOff>59563</xdr:rowOff>
    </xdr:to>
    <xdr:cxnSp macro="">
      <xdr:nvCxnSpPr>
        <xdr:cNvPr id="116" name="直線コネクタ 115">
          <a:extLst>
            <a:ext uri="{FF2B5EF4-FFF2-40B4-BE49-F238E27FC236}">
              <a16:creationId xmlns:a16="http://schemas.microsoft.com/office/drawing/2014/main" id="{00000000-0008-0000-0500-000074000000}"/>
            </a:ext>
          </a:extLst>
        </xdr:cNvPr>
        <xdr:cNvCxnSpPr/>
      </xdr:nvCxnSpPr>
      <xdr:spPr bwMode="auto">
        <a:xfrm>
          <a:off x="3606800" y="7119366"/>
          <a:ext cx="698500" cy="6489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5240</xdr:rowOff>
    </xdr:from>
    <xdr:to>
      <xdr:col>22</xdr:col>
      <xdr:colOff>165100</xdr:colOff>
      <xdr:row>36</xdr:row>
      <xdr:rowOff>116840</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4254500" y="69684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127017</xdr:rowOff>
    </xdr:from>
    <xdr:ext cx="762000" cy="259045"/>
    <xdr:sp macro="" textlink="">
      <xdr:nvSpPr>
        <xdr:cNvPr id="118" name="テキスト ボックス 117">
          <a:extLst>
            <a:ext uri="{FF2B5EF4-FFF2-40B4-BE49-F238E27FC236}">
              <a16:creationId xmlns:a16="http://schemas.microsoft.com/office/drawing/2014/main" id="{00000000-0008-0000-0500-000076000000}"/>
            </a:ext>
          </a:extLst>
        </xdr:cNvPr>
        <xdr:cNvSpPr txBox="1"/>
      </xdr:nvSpPr>
      <xdr:spPr>
        <a:xfrm>
          <a:off x="3924300" y="6737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66116</xdr:rowOff>
    </xdr:from>
    <xdr:to>
      <xdr:col>18</xdr:col>
      <xdr:colOff>177800</xdr:colOff>
      <xdr:row>37</xdr:row>
      <xdr:rowOff>92837</xdr:rowOff>
    </xdr:to>
    <xdr:cxnSp macro="">
      <xdr:nvCxnSpPr>
        <xdr:cNvPr id="119" name="直線コネクタ 118">
          <a:extLst>
            <a:ext uri="{FF2B5EF4-FFF2-40B4-BE49-F238E27FC236}">
              <a16:creationId xmlns:a16="http://schemas.microsoft.com/office/drawing/2014/main" id="{00000000-0008-0000-0500-000077000000}"/>
            </a:ext>
          </a:extLst>
        </xdr:cNvPr>
        <xdr:cNvCxnSpPr/>
      </xdr:nvCxnSpPr>
      <xdr:spPr bwMode="auto">
        <a:xfrm flipV="1">
          <a:off x="2908300" y="7119366"/>
          <a:ext cx="698500" cy="9817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80924</xdr:rowOff>
    </xdr:from>
    <xdr:to>
      <xdr:col>19</xdr:col>
      <xdr:colOff>38100</xdr:colOff>
      <xdr:row>36</xdr:row>
      <xdr:rowOff>39624</xdr:rowOff>
    </xdr:to>
    <xdr:sp macro="" textlink="">
      <xdr:nvSpPr>
        <xdr:cNvPr id="120" name="フローチャート: 判断 119">
          <a:extLst>
            <a:ext uri="{FF2B5EF4-FFF2-40B4-BE49-F238E27FC236}">
              <a16:creationId xmlns:a16="http://schemas.microsoft.com/office/drawing/2014/main" id="{00000000-0008-0000-0500-000078000000}"/>
            </a:ext>
          </a:extLst>
        </xdr:cNvPr>
        <xdr:cNvSpPr/>
      </xdr:nvSpPr>
      <xdr:spPr bwMode="auto">
        <a:xfrm>
          <a:off x="3556000" y="68912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49801</xdr:rowOff>
    </xdr:from>
    <xdr:ext cx="762000" cy="259045"/>
    <xdr:sp macro="" textlink="">
      <xdr:nvSpPr>
        <xdr:cNvPr id="121" name="テキスト ボックス 120">
          <a:extLst>
            <a:ext uri="{FF2B5EF4-FFF2-40B4-BE49-F238E27FC236}">
              <a16:creationId xmlns:a16="http://schemas.microsoft.com/office/drawing/2014/main" id="{00000000-0008-0000-0500-000079000000}"/>
            </a:ext>
          </a:extLst>
        </xdr:cNvPr>
        <xdr:cNvSpPr txBox="1"/>
      </xdr:nvSpPr>
      <xdr:spPr>
        <a:xfrm>
          <a:off x="3225800" y="6660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0505</xdr:rowOff>
    </xdr:from>
    <xdr:to>
      <xdr:col>15</xdr:col>
      <xdr:colOff>101600</xdr:colOff>
      <xdr:row>35</xdr:row>
      <xdr:rowOff>332105</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2857500" y="684085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42282</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2527300" y="6609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84836</xdr:rowOff>
    </xdr:from>
    <xdr:to>
      <xdr:col>29</xdr:col>
      <xdr:colOff>177800</xdr:colOff>
      <xdr:row>37</xdr:row>
      <xdr:rowOff>14986</xdr:rowOff>
    </xdr:to>
    <xdr:sp macro="" textlink="">
      <xdr:nvSpPr>
        <xdr:cNvPr id="129" name="楕円 128">
          <a:extLst>
            <a:ext uri="{FF2B5EF4-FFF2-40B4-BE49-F238E27FC236}">
              <a16:creationId xmlns:a16="http://schemas.microsoft.com/office/drawing/2014/main" id="{00000000-0008-0000-0500-000081000000}"/>
            </a:ext>
          </a:extLst>
        </xdr:cNvPr>
        <xdr:cNvSpPr/>
      </xdr:nvSpPr>
      <xdr:spPr bwMode="auto">
        <a:xfrm>
          <a:off x="5600700" y="70380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56913</xdr:rowOff>
    </xdr:from>
    <xdr:ext cx="762000" cy="259045"/>
    <xdr:sp macro="" textlink="">
      <xdr:nvSpPr>
        <xdr:cNvPr id="130" name="人口1人当たり決算額の推移該当値テキスト445">
          <a:extLst>
            <a:ext uri="{FF2B5EF4-FFF2-40B4-BE49-F238E27FC236}">
              <a16:creationId xmlns:a16="http://schemas.microsoft.com/office/drawing/2014/main" id="{00000000-0008-0000-0500-000082000000}"/>
            </a:ext>
          </a:extLst>
        </xdr:cNvPr>
        <xdr:cNvSpPr txBox="1"/>
      </xdr:nvSpPr>
      <xdr:spPr>
        <a:xfrm>
          <a:off x="5740400" y="70101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15748</xdr:rowOff>
    </xdr:from>
    <xdr:to>
      <xdr:col>26</xdr:col>
      <xdr:colOff>101600</xdr:colOff>
      <xdr:row>37</xdr:row>
      <xdr:rowOff>117348</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4953000" y="714044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02125</xdr:rowOff>
    </xdr:from>
    <xdr:ext cx="7366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4622800" y="72268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8763</xdr:rowOff>
    </xdr:from>
    <xdr:to>
      <xdr:col>22</xdr:col>
      <xdr:colOff>165100</xdr:colOff>
      <xdr:row>37</xdr:row>
      <xdr:rowOff>110363</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254500" y="71334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95140</xdr:rowOff>
    </xdr:from>
    <xdr:ext cx="7620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3924300" y="7219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15316</xdr:rowOff>
    </xdr:from>
    <xdr:to>
      <xdr:col>19</xdr:col>
      <xdr:colOff>38100</xdr:colOff>
      <xdr:row>37</xdr:row>
      <xdr:rowOff>45466</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3556000" y="70685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0243</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225800" y="715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42037</xdr:rowOff>
    </xdr:from>
    <xdr:to>
      <xdr:col>15</xdr:col>
      <xdr:colOff>101600</xdr:colOff>
      <xdr:row>37</xdr:row>
      <xdr:rowOff>143637</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2857500" y="71667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28414</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2527300" y="72531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2925</xdr:rowOff>
    </xdr:from>
    <xdr:to>
      <xdr:col>24</xdr:col>
      <xdr:colOff>62865</xdr:colOff>
      <xdr:row>38</xdr:row>
      <xdr:rowOff>74484</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27875"/>
          <a:ext cx="1270" cy="12617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78311</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5934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9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74484</xdr:rowOff>
    </xdr:from>
    <xdr:to>
      <xdr:col>24</xdr:col>
      <xdr:colOff>152400</xdr:colOff>
      <xdr:row>38</xdr:row>
      <xdr:rowOff>74484</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5895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1052</xdr:rowOff>
    </xdr:from>
    <xdr:ext cx="599010"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031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12925</xdr:rowOff>
    </xdr:from>
    <xdr:to>
      <xdr:col>24</xdr:col>
      <xdr:colOff>152400</xdr:colOff>
      <xdr:row>31</xdr:row>
      <xdr:rowOff>12925</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278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07848</xdr:rowOff>
    </xdr:from>
    <xdr:to>
      <xdr:col>24</xdr:col>
      <xdr:colOff>63500</xdr:colOff>
      <xdr:row>36</xdr:row>
      <xdr:rowOff>115588</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280048"/>
          <a:ext cx="838200" cy="77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216</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63578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35789</xdr:rowOff>
    </xdr:from>
    <xdr:to>
      <xdr:col>24</xdr:col>
      <xdr:colOff>114300</xdr:colOff>
      <xdr:row>37</xdr:row>
      <xdr:rowOff>137389</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10504</xdr:rowOff>
    </xdr:from>
    <xdr:to>
      <xdr:col>19</xdr:col>
      <xdr:colOff>177800</xdr:colOff>
      <xdr:row>36</xdr:row>
      <xdr:rowOff>115588</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282704"/>
          <a:ext cx="889000" cy="5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42657</xdr:rowOff>
    </xdr:from>
    <xdr:to>
      <xdr:col>20</xdr:col>
      <xdr:colOff>38100</xdr:colOff>
      <xdr:row>37</xdr:row>
      <xdr:rowOff>144257</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35385</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6479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1785</xdr:rowOff>
    </xdr:from>
    <xdr:to>
      <xdr:col>15</xdr:col>
      <xdr:colOff>50800</xdr:colOff>
      <xdr:row>36</xdr:row>
      <xdr:rowOff>110504</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a:off x="2019300" y="6273985"/>
          <a:ext cx="889000" cy="8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33143</xdr:rowOff>
    </xdr:from>
    <xdr:to>
      <xdr:col>15</xdr:col>
      <xdr:colOff>101600</xdr:colOff>
      <xdr:row>37</xdr:row>
      <xdr:rowOff>134743</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25871</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6469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81549</xdr:rowOff>
    </xdr:from>
    <xdr:to>
      <xdr:col>10</xdr:col>
      <xdr:colOff>114300</xdr:colOff>
      <xdr:row>36</xdr:row>
      <xdr:rowOff>101785</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253749"/>
          <a:ext cx="889000" cy="20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7664</xdr:rowOff>
    </xdr:from>
    <xdr:to>
      <xdr:col>10</xdr:col>
      <xdr:colOff>165100</xdr:colOff>
      <xdr:row>37</xdr:row>
      <xdr:rowOff>119264</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10391</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645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0059</xdr:rowOff>
    </xdr:from>
    <xdr:to>
      <xdr:col>6</xdr:col>
      <xdr:colOff>38100</xdr:colOff>
      <xdr:row>37</xdr:row>
      <xdr:rowOff>121659</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363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2786</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64564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7048</xdr:rowOff>
    </xdr:from>
    <xdr:to>
      <xdr:col>24</xdr:col>
      <xdr:colOff>114300</xdr:colOff>
      <xdr:row>36</xdr:row>
      <xdr:rowOff>158648</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229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79925</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080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64788</xdr:rowOff>
    </xdr:from>
    <xdr:to>
      <xdr:col>20</xdr:col>
      <xdr:colOff>38100</xdr:colOff>
      <xdr:row>36</xdr:row>
      <xdr:rowOff>166388</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236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11465</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012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9704</xdr:rowOff>
    </xdr:from>
    <xdr:to>
      <xdr:col>15</xdr:col>
      <xdr:colOff>101600</xdr:colOff>
      <xdr:row>36</xdr:row>
      <xdr:rowOff>16130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231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638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6007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50985</xdr:rowOff>
    </xdr:from>
    <xdr:to>
      <xdr:col>10</xdr:col>
      <xdr:colOff>165100</xdr:colOff>
      <xdr:row>36</xdr:row>
      <xdr:rowOff>152585</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223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69112</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5998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0749</xdr:rowOff>
    </xdr:from>
    <xdr:to>
      <xdr:col>6</xdr:col>
      <xdr:colOff>38100</xdr:colOff>
      <xdr:row>36</xdr:row>
      <xdr:rowOff>132349</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202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48876</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5978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0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6" name="テキスト ボックス 115">
          <a:extLst>
            <a:ext uri="{FF2B5EF4-FFF2-40B4-BE49-F238E27FC236}">
              <a16:creationId xmlns:a16="http://schemas.microsoft.com/office/drawing/2014/main" id="{00000000-0008-0000-0600-000074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54112</xdr:rowOff>
    </xdr:from>
    <xdr:to>
      <xdr:col>24</xdr:col>
      <xdr:colOff>62865</xdr:colOff>
      <xdr:row>59</xdr:row>
      <xdr:rowOff>120955</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flipV="1">
          <a:off x="4633595" y="8726612"/>
          <a:ext cx="1270" cy="15098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124782</xdr:rowOff>
    </xdr:from>
    <xdr:ext cx="534377" cy="259045"/>
    <xdr:sp macro="" textlink="">
      <xdr:nvSpPr>
        <xdr:cNvPr id="119" name="物件費最小値テキスト">
          <a:extLst>
            <a:ext uri="{FF2B5EF4-FFF2-40B4-BE49-F238E27FC236}">
              <a16:creationId xmlns:a16="http://schemas.microsoft.com/office/drawing/2014/main" id="{00000000-0008-0000-0600-000077000000}"/>
            </a:ext>
          </a:extLst>
        </xdr:cNvPr>
        <xdr:cNvSpPr txBox="1"/>
      </xdr:nvSpPr>
      <xdr:spPr>
        <a:xfrm>
          <a:off x="4686300" y="102403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20955</xdr:rowOff>
    </xdr:from>
    <xdr:to>
      <xdr:col>24</xdr:col>
      <xdr:colOff>152400</xdr:colOff>
      <xdr:row>59</xdr:row>
      <xdr:rowOff>120955</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102365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00789</xdr:rowOff>
    </xdr:from>
    <xdr:ext cx="599010" cy="259045"/>
    <xdr:sp macro="" textlink="">
      <xdr:nvSpPr>
        <xdr:cNvPr id="121" name="物件費最大値テキスト">
          <a:extLst>
            <a:ext uri="{FF2B5EF4-FFF2-40B4-BE49-F238E27FC236}">
              <a16:creationId xmlns:a16="http://schemas.microsoft.com/office/drawing/2014/main" id="{00000000-0008-0000-0600-000079000000}"/>
            </a:ext>
          </a:extLst>
        </xdr:cNvPr>
        <xdr:cNvSpPr txBox="1"/>
      </xdr:nvSpPr>
      <xdr:spPr>
        <a:xfrm>
          <a:off x="4686300" y="8501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6,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54112</xdr:rowOff>
    </xdr:from>
    <xdr:to>
      <xdr:col>24</xdr:col>
      <xdr:colOff>152400</xdr:colOff>
      <xdr:row>50</xdr:row>
      <xdr:rowOff>154112</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4546600" y="87266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6495</xdr:rowOff>
    </xdr:from>
    <xdr:to>
      <xdr:col>24</xdr:col>
      <xdr:colOff>63500</xdr:colOff>
      <xdr:row>58</xdr:row>
      <xdr:rowOff>71065</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3797300" y="9960595"/>
          <a:ext cx="838200" cy="54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81849</xdr:rowOff>
    </xdr:from>
    <xdr:ext cx="534377" cy="259045"/>
    <xdr:sp macro="" textlink="">
      <xdr:nvSpPr>
        <xdr:cNvPr id="124" name="物件費平均値テキスト">
          <a:extLst>
            <a:ext uri="{FF2B5EF4-FFF2-40B4-BE49-F238E27FC236}">
              <a16:creationId xmlns:a16="http://schemas.microsoft.com/office/drawing/2014/main" id="{00000000-0008-0000-0600-00007C000000}"/>
            </a:ext>
          </a:extLst>
        </xdr:cNvPr>
        <xdr:cNvSpPr txBox="1"/>
      </xdr:nvSpPr>
      <xdr:spPr>
        <a:xfrm>
          <a:off x="4686300" y="100259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3422</xdr:rowOff>
    </xdr:from>
    <xdr:to>
      <xdr:col>24</xdr:col>
      <xdr:colOff>114300</xdr:colOff>
      <xdr:row>59</xdr:row>
      <xdr:rowOff>33572</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4584700" y="100475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60332</xdr:rowOff>
    </xdr:from>
    <xdr:to>
      <xdr:col>19</xdr:col>
      <xdr:colOff>177800</xdr:colOff>
      <xdr:row>58</xdr:row>
      <xdr:rowOff>71065</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a:off x="2908300" y="10004432"/>
          <a:ext cx="889000" cy="10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9</xdr:row>
      <xdr:rowOff>6288</xdr:rowOff>
    </xdr:from>
    <xdr:to>
      <xdr:col>20</xdr:col>
      <xdr:colOff>38100</xdr:colOff>
      <xdr:row>59</xdr:row>
      <xdr:rowOff>107888</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3746500" y="10121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99015</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3530111" y="10214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60332</xdr:rowOff>
    </xdr:from>
    <xdr:to>
      <xdr:col>15</xdr:col>
      <xdr:colOff>50800</xdr:colOff>
      <xdr:row>58</xdr:row>
      <xdr:rowOff>94731</xdr:rowOff>
    </xdr:to>
    <xdr:cxnSp macro="">
      <xdr:nvCxnSpPr>
        <xdr:cNvPr id="129" name="直線コネクタ 128">
          <a:extLst>
            <a:ext uri="{FF2B5EF4-FFF2-40B4-BE49-F238E27FC236}">
              <a16:creationId xmlns:a16="http://schemas.microsoft.com/office/drawing/2014/main" id="{00000000-0008-0000-0600-000081000000}"/>
            </a:ext>
          </a:extLst>
        </xdr:cNvPr>
        <xdr:cNvCxnSpPr/>
      </xdr:nvCxnSpPr>
      <xdr:spPr>
        <a:xfrm flipV="1">
          <a:off x="2019300" y="10004432"/>
          <a:ext cx="889000" cy="343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24783</xdr:rowOff>
    </xdr:from>
    <xdr:to>
      <xdr:col>15</xdr:col>
      <xdr:colOff>101600</xdr:colOff>
      <xdr:row>59</xdr:row>
      <xdr:rowOff>126383</xdr:rowOff>
    </xdr:to>
    <xdr:sp macro="" textlink="">
      <xdr:nvSpPr>
        <xdr:cNvPr id="130" name="フローチャート: 判断 129">
          <a:extLst>
            <a:ext uri="{FF2B5EF4-FFF2-40B4-BE49-F238E27FC236}">
              <a16:creationId xmlns:a16="http://schemas.microsoft.com/office/drawing/2014/main" id="{00000000-0008-0000-0600-000082000000}"/>
            </a:ext>
          </a:extLst>
        </xdr:cNvPr>
        <xdr:cNvSpPr/>
      </xdr:nvSpPr>
      <xdr:spPr>
        <a:xfrm>
          <a:off x="2857500" y="101403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117510</xdr:rowOff>
    </xdr:from>
    <xdr:ext cx="534377"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2641111" y="10233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94731</xdr:rowOff>
    </xdr:from>
    <xdr:to>
      <xdr:col>10</xdr:col>
      <xdr:colOff>114300</xdr:colOff>
      <xdr:row>58</xdr:row>
      <xdr:rowOff>101742</xdr:rowOff>
    </xdr:to>
    <xdr:cxnSp macro="">
      <xdr:nvCxnSpPr>
        <xdr:cNvPr id="132" name="直線コネクタ 131">
          <a:extLst>
            <a:ext uri="{FF2B5EF4-FFF2-40B4-BE49-F238E27FC236}">
              <a16:creationId xmlns:a16="http://schemas.microsoft.com/office/drawing/2014/main" id="{00000000-0008-0000-0600-000084000000}"/>
            </a:ext>
          </a:extLst>
        </xdr:cNvPr>
        <xdr:cNvCxnSpPr/>
      </xdr:nvCxnSpPr>
      <xdr:spPr>
        <a:xfrm flipV="1">
          <a:off x="1130300" y="10038831"/>
          <a:ext cx="889000" cy="7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1524</xdr:rowOff>
    </xdr:from>
    <xdr:to>
      <xdr:col>10</xdr:col>
      <xdr:colOff>165100</xdr:colOff>
      <xdr:row>59</xdr:row>
      <xdr:rowOff>113124</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968500" y="10127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104251</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752111" y="10219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9</xdr:row>
      <xdr:rowOff>30683</xdr:rowOff>
    </xdr:from>
    <xdr:to>
      <xdr:col>6</xdr:col>
      <xdr:colOff>38100</xdr:colOff>
      <xdr:row>59</xdr:row>
      <xdr:rowOff>132283</xdr:rowOff>
    </xdr:to>
    <xdr:sp macro="" textlink="">
      <xdr:nvSpPr>
        <xdr:cNvPr id="135" name="フローチャート: 判断 134">
          <a:extLst>
            <a:ext uri="{FF2B5EF4-FFF2-40B4-BE49-F238E27FC236}">
              <a16:creationId xmlns:a16="http://schemas.microsoft.com/office/drawing/2014/main" id="{00000000-0008-0000-0600-000087000000}"/>
            </a:ext>
          </a:extLst>
        </xdr:cNvPr>
        <xdr:cNvSpPr/>
      </xdr:nvSpPr>
      <xdr:spPr>
        <a:xfrm>
          <a:off x="1079500" y="10146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123410</xdr:rowOff>
    </xdr:from>
    <xdr:ext cx="534377"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863111" y="102389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37145</xdr:rowOff>
    </xdr:from>
    <xdr:to>
      <xdr:col>24</xdr:col>
      <xdr:colOff>114300</xdr:colOff>
      <xdr:row>58</xdr:row>
      <xdr:rowOff>6729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4584700" y="9909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0022</xdr:rowOff>
    </xdr:from>
    <xdr:ext cx="534377" cy="259045"/>
    <xdr:sp macro="" textlink="">
      <xdr:nvSpPr>
        <xdr:cNvPr id="143" name="物件費該当値テキスト">
          <a:extLst>
            <a:ext uri="{FF2B5EF4-FFF2-40B4-BE49-F238E27FC236}">
              <a16:creationId xmlns:a16="http://schemas.microsoft.com/office/drawing/2014/main" id="{00000000-0008-0000-0600-00008F000000}"/>
            </a:ext>
          </a:extLst>
        </xdr:cNvPr>
        <xdr:cNvSpPr txBox="1"/>
      </xdr:nvSpPr>
      <xdr:spPr>
        <a:xfrm>
          <a:off x="4686300" y="9761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20265</xdr:rowOff>
    </xdr:from>
    <xdr:to>
      <xdr:col>20</xdr:col>
      <xdr:colOff>38100</xdr:colOff>
      <xdr:row>58</xdr:row>
      <xdr:rowOff>121865</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3746500" y="9964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38392</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3530111" y="9739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9532</xdr:rowOff>
    </xdr:from>
    <xdr:to>
      <xdr:col>15</xdr:col>
      <xdr:colOff>101600</xdr:colOff>
      <xdr:row>58</xdr:row>
      <xdr:rowOff>111132</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2857500" y="9953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27659</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2641111" y="9728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3931</xdr:rowOff>
    </xdr:from>
    <xdr:to>
      <xdr:col>10</xdr:col>
      <xdr:colOff>165100</xdr:colOff>
      <xdr:row>58</xdr:row>
      <xdr:rowOff>145531</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968500" y="9988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62058</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1752111" y="9763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0942</xdr:rowOff>
    </xdr:from>
    <xdr:to>
      <xdr:col>6</xdr:col>
      <xdr:colOff>38100</xdr:colOff>
      <xdr:row>58</xdr:row>
      <xdr:rowOff>152542</xdr:rowOff>
    </xdr:to>
    <xdr:sp macro="" textlink="">
      <xdr:nvSpPr>
        <xdr:cNvPr id="150" name="楕円 149">
          <a:extLst>
            <a:ext uri="{FF2B5EF4-FFF2-40B4-BE49-F238E27FC236}">
              <a16:creationId xmlns:a16="http://schemas.microsoft.com/office/drawing/2014/main" id="{00000000-0008-0000-0600-000096000000}"/>
            </a:ext>
          </a:extLst>
        </xdr:cNvPr>
        <xdr:cNvSpPr/>
      </xdr:nvSpPr>
      <xdr:spPr>
        <a:xfrm>
          <a:off x="1079500" y="9995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69069</xdr:rowOff>
    </xdr:from>
    <xdr:ext cx="534377" cy="259045"/>
    <xdr:sp macro="" textlink="">
      <xdr:nvSpPr>
        <xdr:cNvPr id="151" name="テキスト ボックス 150">
          <a:extLst>
            <a:ext uri="{FF2B5EF4-FFF2-40B4-BE49-F238E27FC236}">
              <a16:creationId xmlns:a16="http://schemas.microsoft.com/office/drawing/2014/main" id="{00000000-0008-0000-0600-000097000000}"/>
            </a:ext>
          </a:extLst>
        </xdr:cNvPr>
        <xdr:cNvSpPr txBox="1"/>
      </xdr:nvSpPr>
      <xdr:spPr>
        <a:xfrm>
          <a:off x="863111" y="9770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35577</xdr:rowOff>
    </xdr:from>
    <xdr:ext cx="46717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94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1" name="テキスト ボックス 170">
          <a:extLst>
            <a:ext uri="{FF2B5EF4-FFF2-40B4-BE49-F238E27FC236}">
              <a16:creationId xmlns:a16="http://schemas.microsoft.com/office/drawing/2014/main" id="{00000000-0008-0000-0600-0000AB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3" name="テキスト ボックス 172">
          <a:extLst>
            <a:ext uri="{FF2B5EF4-FFF2-40B4-BE49-F238E27FC236}">
              <a16:creationId xmlns:a16="http://schemas.microsoft.com/office/drawing/2014/main" id="{00000000-0008-0000-0600-0000AD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04191</xdr:rowOff>
    </xdr:from>
    <xdr:to>
      <xdr:col>24</xdr:col>
      <xdr:colOff>62865</xdr:colOff>
      <xdr:row>79</xdr:row>
      <xdr:rowOff>5131</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4633595" y="12277141"/>
          <a:ext cx="127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8958</xdr:rowOff>
    </xdr:from>
    <xdr:ext cx="378565" cy="259045"/>
    <xdr:sp macro="" textlink="">
      <xdr:nvSpPr>
        <xdr:cNvPr id="176" name="維持補修費最小値テキスト">
          <a:extLst>
            <a:ext uri="{FF2B5EF4-FFF2-40B4-BE49-F238E27FC236}">
              <a16:creationId xmlns:a16="http://schemas.microsoft.com/office/drawing/2014/main" id="{00000000-0008-0000-0600-0000B0000000}"/>
            </a:ext>
          </a:extLst>
        </xdr:cNvPr>
        <xdr:cNvSpPr txBox="1"/>
      </xdr:nvSpPr>
      <xdr:spPr>
        <a:xfrm>
          <a:off x="4686300" y="135535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5131</xdr:rowOff>
    </xdr:from>
    <xdr:to>
      <xdr:col>24</xdr:col>
      <xdr:colOff>152400</xdr:colOff>
      <xdr:row>79</xdr:row>
      <xdr:rowOff>5131</xdr:rowOff>
    </xdr:to>
    <xdr:cxnSp macro="">
      <xdr:nvCxnSpPr>
        <xdr:cNvPr id="177" name="直線コネクタ 176">
          <a:extLst>
            <a:ext uri="{FF2B5EF4-FFF2-40B4-BE49-F238E27FC236}">
              <a16:creationId xmlns:a16="http://schemas.microsoft.com/office/drawing/2014/main" id="{00000000-0008-0000-0600-0000B1000000}"/>
            </a:ext>
          </a:extLst>
        </xdr:cNvPr>
        <xdr:cNvCxnSpPr/>
      </xdr:nvCxnSpPr>
      <xdr:spPr>
        <a:xfrm>
          <a:off x="4546600" y="13549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50868</xdr:rowOff>
    </xdr:from>
    <xdr:ext cx="534377" cy="259045"/>
    <xdr:sp macro="" textlink="">
      <xdr:nvSpPr>
        <xdr:cNvPr id="178" name="維持補修費最大値テキスト">
          <a:extLst>
            <a:ext uri="{FF2B5EF4-FFF2-40B4-BE49-F238E27FC236}">
              <a16:creationId xmlns:a16="http://schemas.microsoft.com/office/drawing/2014/main" id="{00000000-0008-0000-0600-0000B2000000}"/>
            </a:ext>
          </a:extLst>
        </xdr:cNvPr>
        <xdr:cNvSpPr txBox="1"/>
      </xdr:nvSpPr>
      <xdr:spPr>
        <a:xfrm>
          <a:off x="4686300" y="12052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104191</xdr:rowOff>
    </xdr:from>
    <xdr:to>
      <xdr:col>24</xdr:col>
      <xdr:colOff>152400</xdr:colOff>
      <xdr:row>71</xdr:row>
      <xdr:rowOff>104191</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a:off x="4546600" y="122771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85522</xdr:rowOff>
    </xdr:from>
    <xdr:to>
      <xdr:col>24</xdr:col>
      <xdr:colOff>63500</xdr:colOff>
      <xdr:row>77</xdr:row>
      <xdr:rowOff>113030</xdr:rowOff>
    </xdr:to>
    <xdr:cxnSp macro="">
      <xdr:nvCxnSpPr>
        <xdr:cNvPr id="180" name="直線コネクタ 179">
          <a:extLst>
            <a:ext uri="{FF2B5EF4-FFF2-40B4-BE49-F238E27FC236}">
              <a16:creationId xmlns:a16="http://schemas.microsoft.com/office/drawing/2014/main" id="{00000000-0008-0000-0600-0000B4000000}"/>
            </a:ext>
          </a:extLst>
        </xdr:cNvPr>
        <xdr:cNvCxnSpPr/>
      </xdr:nvCxnSpPr>
      <xdr:spPr>
        <a:xfrm>
          <a:off x="3797300" y="13287172"/>
          <a:ext cx="838200" cy="27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42587</xdr:rowOff>
    </xdr:from>
    <xdr:ext cx="469744" cy="259045"/>
    <xdr:sp macro="" textlink="">
      <xdr:nvSpPr>
        <xdr:cNvPr id="181" name="維持補修費平均値テキスト">
          <a:extLst>
            <a:ext uri="{FF2B5EF4-FFF2-40B4-BE49-F238E27FC236}">
              <a16:creationId xmlns:a16="http://schemas.microsoft.com/office/drawing/2014/main" id="{00000000-0008-0000-0600-0000B5000000}"/>
            </a:ext>
          </a:extLst>
        </xdr:cNvPr>
        <xdr:cNvSpPr txBox="1"/>
      </xdr:nvSpPr>
      <xdr:spPr>
        <a:xfrm>
          <a:off x="4686300" y="130727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9710</xdr:rowOff>
    </xdr:from>
    <xdr:to>
      <xdr:col>24</xdr:col>
      <xdr:colOff>114300</xdr:colOff>
      <xdr:row>77</xdr:row>
      <xdr:rowOff>121310</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4584700" y="13221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85522</xdr:rowOff>
    </xdr:from>
    <xdr:to>
      <xdr:col>19</xdr:col>
      <xdr:colOff>177800</xdr:colOff>
      <xdr:row>77</xdr:row>
      <xdr:rowOff>113945</xdr:rowOff>
    </xdr:to>
    <xdr:cxnSp macro="">
      <xdr:nvCxnSpPr>
        <xdr:cNvPr id="183" name="直線コネクタ 182">
          <a:extLst>
            <a:ext uri="{FF2B5EF4-FFF2-40B4-BE49-F238E27FC236}">
              <a16:creationId xmlns:a16="http://schemas.microsoft.com/office/drawing/2014/main" id="{00000000-0008-0000-0600-0000B7000000}"/>
            </a:ext>
          </a:extLst>
        </xdr:cNvPr>
        <xdr:cNvCxnSpPr/>
      </xdr:nvCxnSpPr>
      <xdr:spPr>
        <a:xfrm flipV="1">
          <a:off x="2908300" y="13287172"/>
          <a:ext cx="889000" cy="284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4628</xdr:rowOff>
    </xdr:from>
    <xdr:to>
      <xdr:col>20</xdr:col>
      <xdr:colOff>38100</xdr:colOff>
      <xdr:row>77</xdr:row>
      <xdr:rowOff>146228</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3746500" y="132462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137355</xdr:rowOff>
    </xdr:from>
    <xdr:ext cx="469744"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562428" y="13339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97486</xdr:rowOff>
    </xdr:from>
    <xdr:to>
      <xdr:col>15</xdr:col>
      <xdr:colOff>50800</xdr:colOff>
      <xdr:row>77</xdr:row>
      <xdr:rowOff>113945</xdr:rowOff>
    </xdr:to>
    <xdr:cxnSp macro="">
      <xdr:nvCxnSpPr>
        <xdr:cNvPr id="186" name="直線コネクタ 185">
          <a:extLst>
            <a:ext uri="{FF2B5EF4-FFF2-40B4-BE49-F238E27FC236}">
              <a16:creationId xmlns:a16="http://schemas.microsoft.com/office/drawing/2014/main" id="{00000000-0008-0000-0600-0000BA000000}"/>
            </a:ext>
          </a:extLst>
        </xdr:cNvPr>
        <xdr:cNvCxnSpPr/>
      </xdr:nvCxnSpPr>
      <xdr:spPr>
        <a:xfrm>
          <a:off x="2019300" y="13299136"/>
          <a:ext cx="889000" cy="16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64973</xdr:rowOff>
    </xdr:from>
    <xdr:to>
      <xdr:col>15</xdr:col>
      <xdr:colOff>101600</xdr:colOff>
      <xdr:row>77</xdr:row>
      <xdr:rowOff>166573</xdr:rowOff>
    </xdr:to>
    <xdr:sp macro="" textlink="">
      <xdr:nvSpPr>
        <xdr:cNvPr id="187" name="フローチャート: 判断 186">
          <a:extLst>
            <a:ext uri="{FF2B5EF4-FFF2-40B4-BE49-F238E27FC236}">
              <a16:creationId xmlns:a16="http://schemas.microsoft.com/office/drawing/2014/main" id="{00000000-0008-0000-0600-0000BB000000}"/>
            </a:ext>
          </a:extLst>
        </xdr:cNvPr>
        <xdr:cNvSpPr/>
      </xdr:nvSpPr>
      <xdr:spPr>
        <a:xfrm>
          <a:off x="2857500" y="13266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57700</xdr:rowOff>
    </xdr:from>
    <xdr:ext cx="469744"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673428" y="133593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95275</xdr:rowOff>
    </xdr:from>
    <xdr:to>
      <xdr:col>10</xdr:col>
      <xdr:colOff>114300</xdr:colOff>
      <xdr:row>77</xdr:row>
      <xdr:rowOff>97486</xdr:rowOff>
    </xdr:to>
    <xdr:cxnSp macro="">
      <xdr:nvCxnSpPr>
        <xdr:cNvPr id="189" name="直線コネクタ 188">
          <a:extLst>
            <a:ext uri="{FF2B5EF4-FFF2-40B4-BE49-F238E27FC236}">
              <a16:creationId xmlns:a16="http://schemas.microsoft.com/office/drawing/2014/main" id="{00000000-0008-0000-0600-0000BD000000}"/>
            </a:ext>
          </a:extLst>
        </xdr:cNvPr>
        <xdr:cNvCxnSpPr/>
      </xdr:nvCxnSpPr>
      <xdr:spPr>
        <a:xfrm>
          <a:off x="1130300" y="13296925"/>
          <a:ext cx="889000" cy="22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78918</xdr:rowOff>
    </xdr:from>
    <xdr:to>
      <xdr:col>10</xdr:col>
      <xdr:colOff>165100</xdr:colOff>
      <xdr:row>78</xdr:row>
      <xdr:rowOff>9068</xdr:rowOff>
    </xdr:to>
    <xdr:sp macro="" textlink="">
      <xdr:nvSpPr>
        <xdr:cNvPr id="190" name="フローチャート: 判断 189">
          <a:extLst>
            <a:ext uri="{FF2B5EF4-FFF2-40B4-BE49-F238E27FC236}">
              <a16:creationId xmlns:a16="http://schemas.microsoft.com/office/drawing/2014/main" id="{00000000-0008-0000-0600-0000BE000000}"/>
            </a:ext>
          </a:extLst>
        </xdr:cNvPr>
        <xdr:cNvSpPr/>
      </xdr:nvSpPr>
      <xdr:spPr>
        <a:xfrm>
          <a:off x="1968500" y="13280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95</xdr:rowOff>
    </xdr:from>
    <xdr:ext cx="469744"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1784428" y="133732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2804</xdr:rowOff>
    </xdr:from>
    <xdr:to>
      <xdr:col>6</xdr:col>
      <xdr:colOff>38100</xdr:colOff>
      <xdr:row>78</xdr:row>
      <xdr:rowOff>12954</xdr:rowOff>
    </xdr:to>
    <xdr:sp macro="" textlink="">
      <xdr:nvSpPr>
        <xdr:cNvPr id="192" name="フローチャート: 判断 191">
          <a:extLst>
            <a:ext uri="{FF2B5EF4-FFF2-40B4-BE49-F238E27FC236}">
              <a16:creationId xmlns:a16="http://schemas.microsoft.com/office/drawing/2014/main" id="{00000000-0008-0000-0600-0000C0000000}"/>
            </a:ext>
          </a:extLst>
        </xdr:cNvPr>
        <xdr:cNvSpPr/>
      </xdr:nvSpPr>
      <xdr:spPr>
        <a:xfrm>
          <a:off x="1079500" y="13284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4081</xdr:rowOff>
    </xdr:from>
    <xdr:ext cx="469744"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895428" y="133771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62230</xdr:rowOff>
    </xdr:from>
    <xdr:to>
      <xdr:col>24</xdr:col>
      <xdr:colOff>114300</xdr:colOff>
      <xdr:row>77</xdr:row>
      <xdr:rowOff>163830</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4584700" y="1326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0657</xdr:rowOff>
    </xdr:from>
    <xdr:ext cx="469744" cy="259045"/>
    <xdr:sp macro="" textlink="">
      <xdr:nvSpPr>
        <xdr:cNvPr id="200" name="維持補修費該当値テキスト">
          <a:extLst>
            <a:ext uri="{FF2B5EF4-FFF2-40B4-BE49-F238E27FC236}">
              <a16:creationId xmlns:a16="http://schemas.microsoft.com/office/drawing/2014/main" id="{00000000-0008-0000-0600-0000C8000000}"/>
            </a:ext>
          </a:extLst>
        </xdr:cNvPr>
        <xdr:cNvSpPr txBox="1"/>
      </xdr:nvSpPr>
      <xdr:spPr>
        <a:xfrm>
          <a:off x="4686300" y="13242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34722</xdr:rowOff>
    </xdr:from>
    <xdr:to>
      <xdr:col>20</xdr:col>
      <xdr:colOff>38100</xdr:colOff>
      <xdr:row>77</xdr:row>
      <xdr:rowOff>136322</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3746500" y="13236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52849</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3562428" y="13011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3145</xdr:rowOff>
    </xdr:from>
    <xdr:to>
      <xdr:col>15</xdr:col>
      <xdr:colOff>101600</xdr:colOff>
      <xdr:row>77</xdr:row>
      <xdr:rowOff>164745</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2857500" y="1326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9822</xdr:rowOff>
    </xdr:from>
    <xdr:ext cx="469744"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2673428" y="13040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46686</xdr:rowOff>
    </xdr:from>
    <xdr:to>
      <xdr:col>10</xdr:col>
      <xdr:colOff>165100</xdr:colOff>
      <xdr:row>77</xdr:row>
      <xdr:rowOff>148286</xdr:rowOff>
    </xdr:to>
    <xdr:sp macro="" textlink="">
      <xdr:nvSpPr>
        <xdr:cNvPr id="205" name="楕円 204">
          <a:extLst>
            <a:ext uri="{FF2B5EF4-FFF2-40B4-BE49-F238E27FC236}">
              <a16:creationId xmlns:a16="http://schemas.microsoft.com/office/drawing/2014/main" id="{00000000-0008-0000-0600-0000CD000000}"/>
            </a:ext>
          </a:extLst>
        </xdr:cNvPr>
        <xdr:cNvSpPr/>
      </xdr:nvSpPr>
      <xdr:spPr>
        <a:xfrm>
          <a:off x="1968500" y="13248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64813</xdr:rowOff>
    </xdr:from>
    <xdr:ext cx="469744" cy="259045"/>
    <xdr:sp macro="" textlink="">
      <xdr:nvSpPr>
        <xdr:cNvPr id="206" name="テキスト ボックス 205">
          <a:extLst>
            <a:ext uri="{FF2B5EF4-FFF2-40B4-BE49-F238E27FC236}">
              <a16:creationId xmlns:a16="http://schemas.microsoft.com/office/drawing/2014/main" id="{00000000-0008-0000-0600-0000CE000000}"/>
            </a:ext>
          </a:extLst>
        </xdr:cNvPr>
        <xdr:cNvSpPr txBox="1"/>
      </xdr:nvSpPr>
      <xdr:spPr>
        <a:xfrm>
          <a:off x="1784428" y="13023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44475</xdr:rowOff>
    </xdr:from>
    <xdr:to>
      <xdr:col>6</xdr:col>
      <xdr:colOff>38100</xdr:colOff>
      <xdr:row>77</xdr:row>
      <xdr:rowOff>146075</xdr:rowOff>
    </xdr:to>
    <xdr:sp macro="" textlink="">
      <xdr:nvSpPr>
        <xdr:cNvPr id="207" name="楕円 206">
          <a:extLst>
            <a:ext uri="{FF2B5EF4-FFF2-40B4-BE49-F238E27FC236}">
              <a16:creationId xmlns:a16="http://schemas.microsoft.com/office/drawing/2014/main" id="{00000000-0008-0000-0600-0000CF000000}"/>
            </a:ext>
          </a:extLst>
        </xdr:cNvPr>
        <xdr:cNvSpPr/>
      </xdr:nvSpPr>
      <xdr:spPr>
        <a:xfrm>
          <a:off x="1079500" y="13246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62602</xdr:rowOff>
    </xdr:from>
    <xdr:ext cx="469744" cy="259045"/>
    <xdr:sp macro="" textlink="">
      <xdr:nvSpPr>
        <xdr:cNvPr id="208" name="テキスト ボックス 207">
          <a:extLst>
            <a:ext uri="{FF2B5EF4-FFF2-40B4-BE49-F238E27FC236}">
              <a16:creationId xmlns:a16="http://schemas.microsoft.com/office/drawing/2014/main" id="{00000000-0008-0000-0600-0000D0000000}"/>
            </a:ext>
          </a:extLst>
        </xdr:cNvPr>
        <xdr:cNvSpPr txBox="1"/>
      </xdr:nvSpPr>
      <xdr:spPr>
        <a:xfrm>
          <a:off x="895428" y="13021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8</xdr:row>
      <xdr:rowOff>7367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87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9" name="テキスト ボックス 228">
          <a:extLst>
            <a:ext uri="{FF2B5EF4-FFF2-40B4-BE49-F238E27FC236}">
              <a16:creationId xmlns:a16="http://schemas.microsoft.com/office/drawing/2014/main" id="{00000000-0008-0000-0600-0000E5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6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1" name="テキスト ボックス 230">
          <a:extLst>
            <a:ext uri="{FF2B5EF4-FFF2-40B4-BE49-F238E27FC236}">
              <a16:creationId xmlns:a16="http://schemas.microsoft.com/office/drawing/2014/main" id="{00000000-0008-0000-0600-0000E7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a:extLst>
            <a:ext uri="{FF2B5EF4-FFF2-40B4-BE49-F238E27FC236}">
              <a16:creationId xmlns:a16="http://schemas.microsoft.com/office/drawing/2014/main" id="{00000000-0008-0000-06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8624</xdr:rowOff>
    </xdr:from>
    <xdr:to>
      <xdr:col>24</xdr:col>
      <xdr:colOff>62865</xdr:colOff>
      <xdr:row>99</xdr:row>
      <xdr:rowOff>114078</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flipV="1">
          <a:off x="4633595" y="15499124"/>
          <a:ext cx="1270" cy="15885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17905</xdr:rowOff>
    </xdr:from>
    <xdr:ext cx="534377" cy="259045"/>
    <xdr:sp macro="" textlink="">
      <xdr:nvSpPr>
        <xdr:cNvPr id="234" name="扶助費最小値テキスト">
          <a:extLst>
            <a:ext uri="{FF2B5EF4-FFF2-40B4-BE49-F238E27FC236}">
              <a16:creationId xmlns:a16="http://schemas.microsoft.com/office/drawing/2014/main" id="{00000000-0008-0000-0600-0000EA000000}"/>
            </a:ext>
          </a:extLst>
        </xdr:cNvPr>
        <xdr:cNvSpPr txBox="1"/>
      </xdr:nvSpPr>
      <xdr:spPr>
        <a:xfrm>
          <a:off x="4686300" y="17091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4078</xdr:rowOff>
    </xdr:from>
    <xdr:to>
      <xdr:col>24</xdr:col>
      <xdr:colOff>152400</xdr:colOff>
      <xdr:row>99</xdr:row>
      <xdr:rowOff>114078</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a:off x="4546600" y="170876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5301</xdr:rowOff>
    </xdr:from>
    <xdr:ext cx="599010" cy="259045"/>
    <xdr:sp macro="" textlink="">
      <xdr:nvSpPr>
        <xdr:cNvPr id="236" name="扶助費最大値テキスト">
          <a:extLst>
            <a:ext uri="{FF2B5EF4-FFF2-40B4-BE49-F238E27FC236}">
              <a16:creationId xmlns:a16="http://schemas.microsoft.com/office/drawing/2014/main" id="{00000000-0008-0000-0600-0000EC000000}"/>
            </a:ext>
          </a:extLst>
        </xdr:cNvPr>
        <xdr:cNvSpPr txBox="1"/>
      </xdr:nvSpPr>
      <xdr:spPr>
        <a:xfrm>
          <a:off x="4686300" y="152743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8624</xdr:rowOff>
    </xdr:from>
    <xdr:to>
      <xdr:col>24</xdr:col>
      <xdr:colOff>152400</xdr:colOff>
      <xdr:row>90</xdr:row>
      <xdr:rowOff>68624</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a:off x="4546600" y="1549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4</xdr:row>
      <xdr:rowOff>67348</xdr:rowOff>
    </xdr:from>
    <xdr:to>
      <xdr:col>24</xdr:col>
      <xdr:colOff>63500</xdr:colOff>
      <xdr:row>94</xdr:row>
      <xdr:rowOff>157359</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3797300" y="16183648"/>
          <a:ext cx="838200" cy="90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3220</xdr:rowOff>
    </xdr:from>
    <xdr:ext cx="599010" cy="259045"/>
    <xdr:sp macro="" textlink="">
      <xdr:nvSpPr>
        <xdr:cNvPr id="239" name="扶助費平均値テキスト">
          <a:extLst>
            <a:ext uri="{FF2B5EF4-FFF2-40B4-BE49-F238E27FC236}">
              <a16:creationId xmlns:a16="http://schemas.microsoft.com/office/drawing/2014/main" id="{00000000-0008-0000-0600-0000EF000000}"/>
            </a:ext>
          </a:extLst>
        </xdr:cNvPr>
        <xdr:cNvSpPr txBox="1"/>
      </xdr:nvSpPr>
      <xdr:spPr>
        <a:xfrm>
          <a:off x="4686300" y="1641097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4793</xdr:rowOff>
    </xdr:from>
    <xdr:to>
      <xdr:col>24</xdr:col>
      <xdr:colOff>114300</xdr:colOff>
      <xdr:row>96</xdr:row>
      <xdr:rowOff>74943</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4584700" y="16432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113849</xdr:rowOff>
    </xdr:from>
    <xdr:to>
      <xdr:col>19</xdr:col>
      <xdr:colOff>177800</xdr:colOff>
      <xdr:row>94</xdr:row>
      <xdr:rowOff>157359</xdr:rowOff>
    </xdr:to>
    <xdr:cxnSp macro="">
      <xdr:nvCxnSpPr>
        <xdr:cNvPr id="241" name="直線コネクタ 240">
          <a:extLst>
            <a:ext uri="{FF2B5EF4-FFF2-40B4-BE49-F238E27FC236}">
              <a16:creationId xmlns:a16="http://schemas.microsoft.com/office/drawing/2014/main" id="{00000000-0008-0000-0600-0000F1000000}"/>
            </a:ext>
          </a:extLst>
        </xdr:cNvPr>
        <xdr:cNvCxnSpPr/>
      </xdr:nvCxnSpPr>
      <xdr:spPr>
        <a:xfrm>
          <a:off x="2908300" y="16230149"/>
          <a:ext cx="889000" cy="43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4820</xdr:rowOff>
    </xdr:from>
    <xdr:to>
      <xdr:col>20</xdr:col>
      <xdr:colOff>38100</xdr:colOff>
      <xdr:row>96</xdr:row>
      <xdr:rowOff>156420</xdr:rowOff>
    </xdr:to>
    <xdr:sp macro="" textlink="">
      <xdr:nvSpPr>
        <xdr:cNvPr id="242" name="フローチャート: 判断 241">
          <a:extLst>
            <a:ext uri="{FF2B5EF4-FFF2-40B4-BE49-F238E27FC236}">
              <a16:creationId xmlns:a16="http://schemas.microsoft.com/office/drawing/2014/main" id="{00000000-0008-0000-0600-0000F2000000}"/>
            </a:ext>
          </a:extLst>
        </xdr:cNvPr>
        <xdr:cNvSpPr/>
      </xdr:nvSpPr>
      <xdr:spPr>
        <a:xfrm>
          <a:off x="3746500" y="1651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147547</xdr:rowOff>
    </xdr:from>
    <xdr:ext cx="59901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497795" y="166067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113849</xdr:rowOff>
    </xdr:from>
    <xdr:to>
      <xdr:col>15</xdr:col>
      <xdr:colOff>50800</xdr:colOff>
      <xdr:row>95</xdr:row>
      <xdr:rowOff>1454</xdr:rowOff>
    </xdr:to>
    <xdr:cxnSp macro="">
      <xdr:nvCxnSpPr>
        <xdr:cNvPr id="244" name="直線コネクタ 243">
          <a:extLst>
            <a:ext uri="{FF2B5EF4-FFF2-40B4-BE49-F238E27FC236}">
              <a16:creationId xmlns:a16="http://schemas.microsoft.com/office/drawing/2014/main" id="{00000000-0008-0000-0600-0000F4000000}"/>
            </a:ext>
          </a:extLst>
        </xdr:cNvPr>
        <xdr:cNvCxnSpPr/>
      </xdr:nvCxnSpPr>
      <xdr:spPr>
        <a:xfrm flipV="1">
          <a:off x="2019300" y="16230149"/>
          <a:ext cx="889000" cy="590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69069</xdr:rowOff>
    </xdr:from>
    <xdr:to>
      <xdr:col>15</xdr:col>
      <xdr:colOff>101600</xdr:colOff>
      <xdr:row>96</xdr:row>
      <xdr:rowOff>170669</xdr:rowOff>
    </xdr:to>
    <xdr:sp macro="" textlink="">
      <xdr:nvSpPr>
        <xdr:cNvPr id="245" name="フローチャート: 判断 244">
          <a:extLst>
            <a:ext uri="{FF2B5EF4-FFF2-40B4-BE49-F238E27FC236}">
              <a16:creationId xmlns:a16="http://schemas.microsoft.com/office/drawing/2014/main" id="{00000000-0008-0000-0600-0000F5000000}"/>
            </a:ext>
          </a:extLst>
        </xdr:cNvPr>
        <xdr:cNvSpPr/>
      </xdr:nvSpPr>
      <xdr:spPr>
        <a:xfrm>
          <a:off x="2857500" y="1652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161796</xdr:rowOff>
    </xdr:from>
    <xdr:ext cx="59901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2608795" y="16620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1454</xdr:rowOff>
    </xdr:from>
    <xdr:to>
      <xdr:col>10</xdr:col>
      <xdr:colOff>114300</xdr:colOff>
      <xdr:row>95</xdr:row>
      <xdr:rowOff>67557</xdr:rowOff>
    </xdr:to>
    <xdr:cxnSp macro="">
      <xdr:nvCxnSpPr>
        <xdr:cNvPr id="247" name="直線コネクタ 246">
          <a:extLst>
            <a:ext uri="{FF2B5EF4-FFF2-40B4-BE49-F238E27FC236}">
              <a16:creationId xmlns:a16="http://schemas.microsoft.com/office/drawing/2014/main" id="{00000000-0008-0000-0600-0000F7000000}"/>
            </a:ext>
          </a:extLst>
        </xdr:cNvPr>
        <xdr:cNvCxnSpPr/>
      </xdr:nvCxnSpPr>
      <xdr:spPr>
        <a:xfrm flipV="1">
          <a:off x="1130300" y="16289204"/>
          <a:ext cx="889000" cy="66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50870</xdr:rowOff>
    </xdr:from>
    <xdr:to>
      <xdr:col>10</xdr:col>
      <xdr:colOff>165100</xdr:colOff>
      <xdr:row>97</xdr:row>
      <xdr:rowOff>81020</xdr:rowOff>
    </xdr:to>
    <xdr:sp macro="" textlink="">
      <xdr:nvSpPr>
        <xdr:cNvPr id="248" name="フローチャート: 判断 247">
          <a:extLst>
            <a:ext uri="{FF2B5EF4-FFF2-40B4-BE49-F238E27FC236}">
              <a16:creationId xmlns:a16="http://schemas.microsoft.com/office/drawing/2014/main" id="{00000000-0008-0000-0600-0000F8000000}"/>
            </a:ext>
          </a:extLst>
        </xdr:cNvPr>
        <xdr:cNvSpPr/>
      </xdr:nvSpPr>
      <xdr:spPr>
        <a:xfrm>
          <a:off x="1968500" y="16610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72147</xdr:rowOff>
    </xdr:from>
    <xdr:ext cx="59901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1719795" y="16702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8231</xdr:rowOff>
    </xdr:from>
    <xdr:to>
      <xdr:col>6</xdr:col>
      <xdr:colOff>38100</xdr:colOff>
      <xdr:row>97</xdr:row>
      <xdr:rowOff>169831</xdr:rowOff>
    </xdr:to>
    <xdr:sp macro="" textlink="">
      <xdr:nvSpPr>
        <xdr:cNvPr id="250" name="フローチャート: 判断 249">
          <a:extLst>
            <a:ext uri="{FF2B5EF4-FFF2-40B4-BE49-F238E27FC236}">
              <a16:creationId xmlns:a16="http://schemas.microsoft.com/office/drawing/2014/main" id="{00000000-0008-0000-0600-0000FA000000}"/>
            </a:ext>
          </a:extLst>
        </xdr:cNvPr>
        <xdr:cNvSpPr/>
      </xdr:nvSpPr>
      <xdr:spPr>
        <a:xfrm>
          <a:off x="1079500" y="166988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7</xdr:row>
      <xdr:rowOff>160958</xdr:rowOff>
    </xdr:from>
    <xdr:ext cx="59901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830795" y="167916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4,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16548</xdr:rowOff>
    </xdr:from>
    <xdr:to>
      <xdr:col>24</xdr:col>
      <xdr:colOff>114300</xdr:colOff>
      <xdr:row>94</xdr:row>
      <xdr:rowOff>118148</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4584700" y="161328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3</xdr:row>
      <xdr:rowOff>39425</xdr:rowOff>
    </xdr:from>
    <xdr:ext cx="599010" cy="259045"/>
    <xdr:sp macro="" textlink="">
      <xdr:nvSpPr>
        <xdr:cNvPr id="258" name="扶助費該当値テキスト">
          <a:extLst>
            <a:ext uri="{FF2B5EF4-FFF2-40B4-BE49-F238E27FC236}">
              <a16:creationId xmlns:a16="http://schemas.microsoft.com/office/drawing/2014/main" id="{00000000-0008-0000-0600-000002010000}"/>
            </a:ext>
          </a:extLst>
        </xdr:cNvPr>
        <xdr:cNvSpPr txBox="1"/>
      </xdr:nvSpPr>
      <xdr:spPr>
        <a:xfrm>
          <a:off x="4686300" y="159842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06559</xdr:rowOff>
    </xdr:from>
    <xdr:to>
      <xdr:col>20</xdr:col>
      <xdr:colOff>38100</xdr:colOff>
      <xdr:row>95</xdr:row>
      <xdr:rowOff>36709</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3746500" y="1622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53236</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3497795" y="159980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63049</xdr:rowOff>
    </xdr:from>
    <xdr:to>
      <xdr:col>15</xdr:col>
      <xdr:colOff>101600</xdr:colOff>
      <xdr:row>94</xdr:row>
      <xdr:rowOff>164649</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2857500" y="16179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9726</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2608795" y="15954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22104</xdr:rowOff>
    </xdr:from>
    <xdr:to>
      <xdr:col>10</xdr:col>
      <xdr:colOff>165100</xdr:colOff>
      <xdr:row>95</xdr:row>
      <xdr:rowOff>52254</xdr:rowOff>
    </xdr:to>
    <xdr:sp macro="" textlink="">
      <xdr:nvSpPr>
        <xdr:cNvPr id="263" name="楕円 262">
          <a:extLst>
            <a:ext uri="{FF2B5EF4-FFF2-40B4-BE49-F238E27FC236}">
              <a16:creationId xmlns:a16="http://schemas.microsoft.com/office/drawing/2014/main" id="{00000000-0008-0000-0600-000007010000}"/>
            </a:ext>
          </a:extLst>
        </xdr:cNvPr>
        <xdr:cNvSpPr/>
      </xdr:nvSpPr>
      <xdr:spPr>
        <a:xfrm>
          <a:off x="1968500" y="16238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68781</xdr:rowOff>
    </xdr:from>
    <xdr:ext cx="599010" cy="259045"/>
    <xdr:sp macro="" textlink="">
      <xdr:nvSpPr>
        <xdr:cNvPr id="264" name="テキスト ボックス 263">
          <a:extLst>
            <a:ext uri="{FF2B5EF4-FFF2-40B4-BE49-F238E27FC236}">
              <a16:creationId xmlns:a16="http://schemas.microsoft.com/office/drawing/2014/main" id="{00000000-0008-0000-0600-000008010000}"/>
            </a:ext>
          </a:extLst>
        </xdr:cNvPr>
        <xdr:cNvSpPr txBox="1"/>
      </xdr:nvSpPr>
      <xdr:spPr>
        <a:xfrm>
          <a:off x="1719795" y="160136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757</xdr:rowOff>
    </xdr:from>
    <xdr:to>
      <xdr:col>6</xdr:col>
      <xdr:colOff>38100</xdr:colOff>
      <xdr:row>95</xdr:row>
      <xdr:rowOff>118357</xdr:rowOff>
    </xdr:to>
    <xdr:sp macro="" textlink="">
      <xdr:nvSpPr>
        <xdr:cNvPr id="265" name="楕円 264">
          <a:extLst>
            <a:ext uri="{FF2B5EF4-FFF2-40B4-BE49-F238E27FC236}">
              <a16:creationId xmlns:a16="http://schemas.microsoft.com/office/drawing/2014/main" id="{00000000-0008-0000-0600-000009010000}"/>
            </a:ext>
          </a:extLst>
        </xdr:cNvPr>
        <xdr:cNvSpPr/>
      </xdr:nvSpPr>
      <xdr:spPr>
        <a:xfrm>
          <a:off x="1079500" y="16304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3</xdr:row>
      <xdr:rowOff>134884</xdr:rowOff>
    </xdr:from>
    <xdr:ext cx="599010" cy="259045"/>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830795" y="160797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6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6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6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6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a:extLst>
            <a:ext uri="{FF2B5EF4-FFF2-40B4-BE49-F238E27FC236}">
              <a16:creationId xmlns:a16="http://schemas.microsoft.com/office/drawing/2014/main" id="{00000000-0008-0000-0600-000018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81" name="テキスト ボックス 280">
          <a:extLst>
            <a:ext uri="{FF2B5EF4-FFF2-40B4-BE49-F238E27FC236}">
              <a16:creationId xmlns:a16="http://schemas.microsoft.com/office/drawing/2014/main" id="{00000000-0008-0000-0600-000019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3" name="テキスト ボックス 282">
          <a:extLst>
            <a:ext uri="{FF2B5EF4-FFF2-40B4-BE49-F238E27FC236}">
              <a16:creationId xmlns:a16="http://schemas.microsoft.com/office/drawing/2014/main" id="{00000000-0008-0000-0600-00001B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5" name="テキスト ボックス 284">
          <a:extLst>
            <a:ext uri="{FF2B5EF4-FFF2-40B4-BE49-F238E27FC236}">
              <a16:creationId xmlns:a16="http://schemas.microsoft.com/office/drawing/2014/main" id="{00000000-0008-0000-0600-00001D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a:extLst>
            <a:ext uri="{FF2B5EF4-FFF2-40B4-BE49-F238E27FC236}">
              <a16:creationId xmlns:a16="http://schemas.microsoft.com/office/drawing/2014/main" id="{00000000-0008-0000-0600-00001F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a16="http://schemas.microsoft.com/office/drawing/2014/main"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a16="http://schemas.microsoft.com/office/drawing/2014/main"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22307</xdr:rowOff>
    </xdr:from>
    <xdr:to>
      <xdr:col>54</xdr:col>
      <xdr:colOff>189865</xdr:colOff>
      <xdr:row>39</xdr:row>
      <xdr:rowOff>118897</xdr:rowOff>
    </xdr:to>
    <xdr:cxnSp macro="">
      <xdr:nvCxnSpPr>
        <xdr:cNvPr id="291" name="直線コネクタ 290">
          <a:extLst>
            <a:ext uri="{FF2B5EF4-FFF2-40B4-BE49-F238E27FC236}">
              <a16:creationId xmlns:a16="http://schemas.microsoft.com/office/drawing/2014/main" id="{00000000-0008-0000-0600-000023010000}"/>
            </a:ext>
          </a:extLst>
        </xdr:cNvPr>
        <xdr:cNvCxnSpPr/>
      </xdr:nvCxnSpPr>
      <xdr:spPr>
        <a:xfrm flipV="1">
          <a:off x="10475595" y="5437257"/>
          <a:ext cx="1270" cy="13681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22724</xdr:rowOff>
    </xdr:from>
    <xdr:ext cx="534377" cy="259045"/>
    <xdr:sp macro="" textlink="">
      <xdr:nvSpPr>
        <xdr:cNvPr id="292" name="補助費等最小値テキスト">
          <a:extLst>
            <a:ext uri="{FF2B5EF4-FFF2-40B4-BE49-F238E27FC236}">
              <a16:creationId xmlns:a16="http://schemas.microsoft.com/office/drawing/2014/main" id="{00000000-0008-0000-0600-000024010000}"/>
            </a:ext>
          </a:extLst>
        </xdr:cNvPr>
        <xdr:cNvSpPr txBox="1"/>
      </xdr:nvSpPr>
      <xdr:spPr>
        <a:xfrm>
          <a:off x="10528300" y="68092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18897</xdr:rowOff>
    </xdr:from>
    <xdr:to>
      <xdr:col>55</xdr:col>
      <xdr:colOff>88900</xdr:colOff>
      <xdr:row>39</xdr:row>
      <xdr:rowOff>118897</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a:off x="10388600" y="68054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68984</xdr:rowOff>
    </xdr:from>
    <xdr:ext cx="534377" cy="259045"/>
    <xdr:sp macro="" textlink="">
      <xdr:nvSpPr>
        <xdr:cNvPr id="294" name="補助費等最大値テキスト">
          <a:extLst>
            <a:ext uri="{FF2B5EF4-FFF2-40B4-BE49-F238E27FC236}">
              <a16:creationId xmlns:a16="http://schemas.microsoft.com/office/drawing/2014/main" id="{00000000-0008-0000-0600-000026010000}"/>
            </a:ext>
          </a:extLst>
        </xdr:cNvPr>
        <xdr:cNvSpPr txBox="1"/>
      </xdr:nvSpPr>
      <xdr:spPr>
        <a:xfrm>
          <a:off x="10528300" y="521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22307</xdr:rowOff>
    </xdr:from>
    <xdr:to>
      <xdr:col>55</xdr:col>
      <xdr:colOff>88900</xdr:colOff>
      <xdr:row>31</xdr:row>
      <xdr:rowOff>122307</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10388600" y="54372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138023</xdr:rowOff>
    </xdr:from>
    <xdr:to>
      <xdr:col>55</xdr:col>
      <xdr:colOff>0</xdr:colOff>
      <xdr:row>38</xdr:row>
      <xdr:rowOff>140995</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flipV="1">
          <a:off x="9639300" y="6653123"/>
          <a:ext cx="838200" cy="2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0797</xdr:rowOff>
    </xdr:from>
    <xdr:ext cx="534377" cy="259045"/>
    <xdr:sp macro="" textlink="">
      <xdr:nvSpPr>
        <xdr:cNvPr id="297" name="補助費等平均値テキスト">
          <a:extLst>
            <a:ext uri="{FF2B5EF4-FFF2-40B4-BE49-F238E27FC236}">
              <a16:creationId xmlns:a16="http://schemas.microsoft.com/office/drawing/2014/main" id="{00000000-0008-0000-0600-000029010000}"/>
            </a:ext>
          </a:extLst>
        </xdr:cNvPr>
        <xdr:cNvSpPr txBox="1"/>
      </xdr:nvSpPr>
      <xdr:spPr>
        <a:xfrm>
          <a:off x="10528300" y="6605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2370</xdr:rowOff>
    </xdr:from>
    <xdr:to>
      <xdr:col>55</xdr:col>
      <xdr:colOff>50800</xdr:colOff>
      <xdr:row>39</xdr:row>
      <xdr:rowOff>42520</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10426700" y="6627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40995</xdr:rowOff>
    </xdr:from>
    <xdr:to>
      <xdr:col>50</xdr:col>
      <xdr:colOff>114300</xdr:colOff>
      <xdr:row>39</xdr:row>
      <xdr:rowOff>20962</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8750300" y="6656095"/>
          <a:ext cx="889000" cy="514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50470</xdr:rowOff>
    </xdr:from>
    <xdr:to>
      <xdr:col>50</xdr:col>
      <xdr:colOff>165100</xdr:colOff>
      <xdr:row>39</xdr:row>
      <xdr:rowOff>80620</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9588500" y="6665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9</xdr:row>
      <xdr:rowOff>71747</xdr:rowOff>
    </xdr:from>
    <xdr:ext cx="534377"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372111" y="6758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20962</xdr:rowOff>
    </xdr:from>
    <xdr:to>
      <xdr:col>45</xdr:col>
      <xdr:colOff>177800</xdr:colOff>
      <xdr:row>39</xdr:row>
      <xdr:rowOff>52775</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7861300" y="6707512"/>
          <a:ext cx="889000" cy="318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2642</xdr:rowOff>
    </xdr:from>
    <xdr:to>
      <xdr:col>46</xdr:col>
      <xdr:colOff>38100</xdr:colOff>
      <xdr:row>39</xdr:row>
      <xdr:rowOff>104242</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8699500" y="66891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95369</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8483111" y="67819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51784</xdr:rowOff>
    </xdr:from>
    <xdr:to>
      <xdr:col>41</xdr:col>
      <xdr:colOff>50800</xdr:colOff>
      <xdr:row>39</xdr:row>
      <xdr:rowOff>52775</xdr:rowOff>
    </xdr:to>
    <xdr:cxnSp macro="">
      <xdr:nvCxnSpPr>
        <xdr:cNvPr id="305" name="直線コネクタ 304">
          <a:extLst>
            <a:ext uri="{FF2B5EF4-FFF2-40B4-BE49-F238E27FC236}">
              <a16:creationId xmlns:a16="http://schemas.microsoft.com/office/drawing/2014/main" id="{00000000-0008-0000-0600-000031010000}"/>
            </a:ext>
          </a:extLst>
        </xdr:cNvPr>
        <xdr:cNvCxnSpPr/>
      </xdr:nvCxnSpPr>
      <xdr:spPr>
        <a:xfrm>
          <a:off x="6972300" y="6738334"/>
          <a:ext cx="889000" cy="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6034</xdr:rowOff>
    </xdr:from>
    <xdr:to>
      <xdr:col>41</xdr:col>
      <xdr:colOff>101600</xdr:colOff>
      <xdr:row>39</xdr:row>
      <xdr:rowOff>117634</xdr:rowOff>
    </xdr:to>
    <xdr:sp macro="" textlink="">
      <xdr:nvSpPr>
        <xdr:cNvPr id="306" name="フローチャート: 判断 305">
          <a:extLst>
            <a:ext uri="{FF2B5EF4-FFF2-40B4-BE49-F238E27FC236}">
              <a16:creationId xmlns:a16="http://schemas.microsoft.com/office/drawing/2014/main" id="{00000000-0008-0000-0600-000032010000}"/>
            </a:ext>
          </a:extLst>
        </xdr:cNvPr>
        <xdr:cNvSpPr/>
      </xdr:nvSpPr>
      <xdr:spPr>
        <a:xfrm>
          <a:off x="7810500" y="6702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108761</xdr:rowOff>
    </xdr:from>
    <xdr:ext cx="534377"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7594111" y="67953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1384</xdr:rowOff>
    </xdr:from>
    <xdr:to>
      <xdr:col>36</xdr:col>
      <xdr:colOff>165100</xdr:colOff>
      <xdr:row>39</xdr:row>
      <xdr:rowOff>102984</xdr:rowOff>
    </xdr:to>
    <xdr:sp macro="" textlink="">
      <xdr:nvSpPr>
        <xdr:cNvPr id="308" name="フローチャート: 判断 307">
          <a:extLst>
            <a:ext uri="{FF2B5EF4-FFF2-40B4-BE49-F238E27FC236}">
              <a16:creationId xmlns:a16="http://schemas.microsoft.com/office/drawing/2014/main" id="{00000000-0008-0000-0600-000034010000}"/>
            </a:ext>
          </a:extLst>
        </xdr:cNvPr>
        <xdr:cNvSpPr/>
      </xdr:nvSpPr>
      <xdr:spPr>
        <a:xfrm>
          <a:off x="6921500" y="6687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94111</xdr:rowOff>
    </xdr:from>
    <xdr:ext cx="534377"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6705111" y="6780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7223</xdr:rowOff>
    </xdr:from>
    <xdr:to>
      <xdr:col>55</xdr:col>
      <xdr:colOff>50800</xdr:colOff>
      <xdr:row>39</xdr:row>
      <xdr:rowOff>17373</xdr:rowOff>
    </xdr:to>
    <xdr:sp macro="" textlink="">
      <xdr:nvSpPr>
        <xdr:cNvPr id="315" name="楕円 314">
          <a:extLst>
            <a:ext uri="{FF2B5EF4-FFF2-40B4-BE49-F238E27FC236}">
              <a16:creationId xmlns:a16="http://schemas.microsoft.com/office/drawing/2014/main" id="{00000000-0008-0000-0600-00003B010000}"/>
            </a:ext>
          </a:extLst>
        </xdr:cNvPr>
        <xdr:cNvSpPr/>
      </xdr:nvSpPr>
      <xdr:spPr>
        <a:xfrm>
          <a:off x="10426700" y="6602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110101</xdr:rowOff>
    </xdr:from>
    <xdr:ext cx="534377" cy="259045"/>
    <xdr:sp macro="" textlink="">
      <xdr:nvSpPr>
        <xdr:cNvPr id="316" name="補助費等該当値テキスト">
          <a:extLst>
            <a:ext uri="{FF2B5EF4-FFF2-40B4-BE49-F238E27FC236}">
              <a16:creationId xmlns:a16="http://schemas.microsoft.com/office/drawing/2014/main" id="{00000000-0008-0000-0600-00003C010000}"/>
            </a:ext>
          </a:extLst>
        </xdr:cNvPr>
        <xdr:cNvSpPr txBox="1"/>
      </xdr:nvSpPr>
      <xdr:spPr>
        <a:xfrm>
          <a:off x="10528300" y="645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90195</xdr:rowOff>
    </xdr:from>
    <xdr:to>
      <xdr:col>50</xdr:col>
      <xdr:colOff>165100</xdr:colOff>
      <xdr:row>39</xdr:row>
      <xdr:rowOff>20345</xdr:rowOff>
    </xdr:to>
    <xdr:sp macro="" textlink="">
      <xdr:nvSpPr>
        <xdr:cNvPr id="317" name="楕円 316">
          <a:extLst>
            <a:ext uri="{FF2B5EF4-FFF2-40B4-BE49-F238E27FC236}">
              <a16:creationId xmlns:a16="http://schemas.microsoft.com/office/drawing/2014/main" id="{00000000-0008-0000-0600-00003D010000}"/>
            </a:ext>
          </a:extLst>
        </xdr:cNvPr>
        <xdr:cNvSpPr/>
      </xdr:nvSpPr>
      <xdr:spPr>
        <a:xfrm>
          <a:off x="9588500" y="660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36872</xdr:rowOff>
    </xdr:from>
    <xdr:ext cx="534377" cy="259045"/>
    <xdr:sp macro="" textlink="">
      <xdr:nvSpPr>
        <xdr:cNvPr id="318" name="テキスト ボックス 317">
          <a:extLst>
            <a:ext uri="{FF2B5EF4-FFF2-40B4-BE49-F238E27FC236}">
              <a16:creationId xmlns:a16="http://schemas.microsoft.com/office/drawing/2014/main" id="{00000000-0008-0000-0600-00003E010000}"/>
            </a:ext>
          </a:extLst>
        </xdr:cNvPr>
        <xdr:cNvSpPr txBox="1"/>
      </xdr:nvSpPr>
      <xdr:spPr>
        <a:xfrm>
          <a:off x="9372111" y="638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41612</xdr:rowOff>
    </xdr:from>
    <xdr:to>
      <xdr:col>46</xdr:col>
      <xdr:colOff>38100</xdr:colOff>
      <xdr:row>39</xdr:row>
      <xdr:rowOff>71762</xdr:rowOff>
    </xdr:to>
    <xdr:sp macro="" textlink="">
      <xdr:nvSpPr>
        <xdr:cNvPr id="319" name="楕円 318">
          <a:extLst>
            <a:ext uri="{FF2B5EF4-FFF2-40B4-BE49-F238E27FC236}">
              <a16:creationId xmlns:a16="http://schemas.microsoft.com/office/drawing/2014/main" id="{00000000-0008-0000-0600-00003F010000}"/>
            </a:ext>
          </a:extLst>
        </xdr:cNvPr>
        <xdr:cNvSpPr/>
      </xdr:nvSpPr>
      <xdr:spPr>
        <a:xfrm>
          <a:off x="8699500" y="66567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7</xdr:row>
      <xdr:rowOff>88289</xdr:rowOff>
    </xdr:from>
    <xdr:ext cx="534377" cy="259045"/>
    <xdr:sp macro="" textlink="">
      <xdr:nvSpPr>
        <xdr:cNvPr id="320" name="テキスト ボックス 319">
          <a:extLst>
            <a:ext uri="{FF2B5EF4-FFF2-40B4-BE49-F238E27FC236}">
              <a16:creationId xmlns:a16="http://schemas.microsoft.com/office/drawing/2014/main" id="{00000000-0008-0000-0600-000040010000}"/>
            </a:ext>
          </a:extLst>
        </xdr:cNvPr>
        <xdr:cNvSpPr txBox="1"/>
      </xdr:nvSpPr>
      <xdr:spPr>
        <a:xfrm>
          <a:off x="8483111" y="6431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9</xdr:row>
      <xdr:rowOff>1975</xdr:rowOff>
    </xdr:from>
    <xdr:to>
      <xdr:col>41</xdr:col>
      <xdr:colOff>101600</xdr:colOff>
      <xdr:row>39</xdr:row>
      <xdr:rowOff>103575</xdr:rowOff>
    </xdr:to>
    <xdr:sp macro="" textlink="">
      <xdr:nvSpPr>
        <xdr:cNvPr id="321" name="楕円 320">
          <a:extLst>
            <a:ext uri="{FF2B5EF4-FFF2-40B4-BE49-F238E27FC236}">
              <a16:creationId xmlns:a16="http://schemas.microsoft.com/office/drawing/2014/main" id="{00000000-0008-0000-0600-000041010000}"/>
            </a:ext>
          </a:extLst>
        </xdr:cNvPr>
        <xdr:cNvSpPr/>
      </xdr:nvSpPr>
      <xdr:spPr>
        <a:xfrm>
          <a:off x="7810500" y="6688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20102</xdr:rowOff>
    </xdr:from>
    <xdr:ext cx="534377" cy="259045"/>
    <xdr:sp macro="" textlink="">
      <xdr:nvSpPr>
        <xdr:cNvPr id="322" name="テキスト ボックス 321">
          <a:extLst>
            <a:ext uri="{FF2B5EF4-FFF2-40B4-BE49-F238E27FC236}">
              <a16:creationId xmlns:a16="http://schemas.microsoft.com/office/drawing/2014/main" id="{00000000-0008-0000-0600-000042010000}"/>
            </a:ext>
          </a:extLst>
        </xdr:cNvPr>
        <xdr:cNvSpPr txBox="1"/>
      </xdr:nvSpPr>
      <xdr:spPr>
        <a:xfrm>
          <a:off x="7594111" y="6463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9</xdr:row>
      <xdr:rowOff>984</xdr:rowOff>
    </xdr:from>
    <xdr:to>
      <xdr:col>36</xdr:col>
      <xdr:colOff>165100</xdr:colOff>
      <xdr:row>39</xdr:row>
      <xdr:rowOff>102584</xdr:rowOff>
    </xdr:to>
    <xdr:sp macro="" textlink="">
      <xdr:nvSpPr>
        <xdr:cNvPr id="323" name="楕円 322">
          <a:extLst>
            <a:ext uri="{FF2B5EF4-FFF2-40B4-BE49-F238E27FC236}">
              <a16:creationId xmlns:a16="http://schemas.microsoft.com/office/drawing/2014/main" id="{00000000-0008-0000-0600-000043010000}"/>
            </a:ext>
          </a:extLst>
        </xdr:cNvPr>
        <xdr:cNvSpPr/>
      </xdr:nvSpPr>
      <xdr:spPr>
        <a:xfrm>
          <a:off x="6921500" y="66875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19111</xdr:rowOff>
    </xdr:from>
    <xdr:ext cx="534377" cy="259045"/>
    <xdr:sp macro="" textlink="">
      <xdr:nvSpPr>
        <xdr:cNvPr id="324" name="テキスト ボックス 323">
          <a:extLst>
            <a:ext uri="{FF2B5EF4-FFF2-40B4-BE49-F238E27FC236}">
              <a16:creationId xmlns:a16="http://schemas.microsoft.com/office/drawing/2014/main" id="{00000000-0008-0000-0600-000044010000}"/>
            </a:ext>
          </a:extLst>
        </xdr:cNvPr>
        <xdr:cNvSpPr txBox="1"/>
      </xdr:nvSpPr>
      <xdr:spPr>
        <a:xfrm>
          <a:off x="6705111" y="6462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9" name="テキスト ボックス 338">
          <a:extLst>
            <a:ext uri="{FF2B5EF4-FFF2-40B4-BE49-F238E27FC236}">
              <a16:creationId xmlns:a16="http://schemas.microsoft.com/office/drawing/2014/main" id="{00000000-0008-0000-0600-000053010000}"/>
            </a:ext>
          </a:extLst>
        </xdr:cNvPr>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41" name="テキスト ボックス 340">
          <a:extLst>
            <a:ext uri="{FF2B5EF4-FFF2-40B4-BE49-F238E27FC236}">
              <a16:creationId xmlns:a16="http://schemas.microsoft.com/office/drawing/2014/main" id="{00000000-0008-0000-0600-000055010000}"/>
            </a:ext>
          </a:extLst>
        </xdr:cNvPr>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43" name="テキスト ボックス 342">
          <a:extLst>
            <a:ext uri="{FF2B5EF4-FFF2-40B4-BE49-F238E27FC236}">
              <a16:creationId xmlns:a16="http://schemas.microsoft.com/office/drawing/2014/main" id="{00000000-0008-0000-0600-000057010000}"/>
            </a:ext>
          </a:extLst>
        </xdr:cNvPr>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45" name="テキスト ボックス 344">
          <a:extLst>
            <a:ext uri="{FF2B5EF4-FFF2-40B4-BE49-F238E27FC236}">
              <a16:creationId xmlns:a16="http://schemas.microsoft.com/office/drawing/2014/main" id="{00000000-0008-0000-0600-000059010000}"/>
            </a:ext>
          </a:extLst>
        </xdr:cNvPr>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7" name="テキスト ボックス 346">
          <a:extLst>
            <a:ext uri="{FF2B5EF4-FFF2-40B4-BE49-F238E27FC236}">
              <a16:creationId xmlns:a16="http://schemas.microsoft.com/office/drawing/2014/main" id="{00000000-0008-0000-0600-00005B010000}"/>
            </a:ext>
          </a:extLst>
        </xdr:cNvPr>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9" name="テキスト ボックス 348">
          <a:extLst>
            <a:ext uri="{FF2B5EF4-FFF2-40B4-BE49-F238E27FC236}">
              <a16:creationId xmlns:a16="http://schemas.microsoft.com/office/drawing/2014/main" id="{00000000-0008-0000-0600-00005D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50" name="普通建設事業費グラフ枠">
          <a:extLst>
            <a:ext uri="{FF2B5EF4-FFF2-40B4-BE49-F238E27FC236}">
              <a16:creationId xmlns:a16="http://schemas.microsoft.com/office/drawing/2014/main" id="{00000000-0008-0000-0600-00005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1689</xdr:rowOff>
    </xdr:from>
    <xdr:to>
      <xdr:col>54</xdr:col>
      <xdr:colOff>189865</xdr:colOff>
      <xdr:row>59</xdr:row>
      <xdr:rowOff>135596</xdr:rowOff>
    </xdr:to>
    <xdr:cxnSp macro="">
      <xdr:nvCxnSpPr>
        <xdr:cNvPr id="351" name="直線コネクタ 350">
          <a:extLst>
            <a:ext uri="{FF2B5EF4-FFF2-40B4-BE49-F238E27FC236}">
              <a16:creationId xmlns:a16="http://schemas.microsoft.com/office/drawing/2014/main" id="{00000000-0008-0000-0600-00005F010000}"/>
            </a:ext>
          </a:extLst>
        </xdr:cNvPr>
        <xdr:cNvCxnSpPr/>
      </xdr:nvCxnSpPr>
      <xdr:spPr>
        <a:xfrm flipV="1">
          <a:off x="10475595" y="8795639"/>
          <a:ext cx="1270" cy="14555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39423</xdr:rowOff>
    </xdr:from>
    <xdr:ext cx="534377" cy="259045"/>
    <xdr:sp macro="" textlink="">
      <xdr:nvSpPr>
        <xdr:cNvPr id="352" name="普通建設事業費最小値テキスト">
          <a:extLst>
            <a:ext uri="{FF2B5EF4-FFF2-40B4-BE49-F238E27FC236}">
              <a16:creationId xmlns:a16="http://schemas.microsoft.com/office/drawing/2014/main" id="{00000000-0008-0000-0600-000060010000}"/>
            </a:ext>
          </a:extLst>
        </xdr:cNvPr>
        <xdr:cNvSpPr txBox="1"/>
      </xdr:nvSpPr>
      <xdr:spPr>
        <a:xfrm>
          <a:off x="10528300" y="10254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135596</xdr:rowOff>
    </xdr:from>
    <xdr:to>
      <xdr:col>55</xdr:col>
      <xdr:colOff>88900</xdr:colOff>
      <xdr:row>59</xdr:row>
      <xdr:rowOff>135596</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10388600" y="102511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69816</xdr:rowOff>
    </xdr:from>
    <xdr:ext cx="599010" cy="259045"/>
    <xdr:sp macro="" textlink="">
      <xdr:nvSpPr>
        <xdr:cNvPr id="354" name="普通建設事業費最大値テキスト">
          <a:extLst>
            <a:ext uri="{FF2B5EF4-FFF2-40B4-BE49-F238E27FC236}">
              <a16:creationId xmlns:a16="http://schemas.microsoft.com/office/drawing/2014/main" id="{00000000-0008-0000-0600-000062010000}"/>
            </a:ext>
          </a:extLst>
        </xdr:cNvPr>
        <xdr:cNvSpPr txBox="1"/>
      </xdr:nvSpPr>
      <xdr:spPr>
        <a:xfrm>
          <a:off x="10528300" y="8570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51689</xdr:rowOff>
    </xdr:from>
    <xdr:to>
      <xdr:col>55</xdr:col>
      <xdr:colOff>88900</xdr:colOff>
      <xdr:row>51</xdr:row>
      <xdr:rowOff>51689</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a:off x="10388600" y="8795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04833</xdr:rowOff>
    </xdr:from>
    <xdr:to>
      <xdr:col>55</xdr:col>
      <xdr:colOff>0</xdr:colOff>
      <xdr:row>59</xdr:row>
      <xdr:rowOff>143249</xdr:rowOff>
    </xdr:to>
    <xdr:cxnSp macro="">
      <xdr:nvCxnSpPr>
        <xdr:cNvPr id="356" name="直線コネクタ 355">
          <a:extLst>
            <a:ext uri="{FF2B5EF4-FFF2-40B4-BE49-F238E27FC236}">
              <a16:creationId xmlns:a16="http://schemas.microsoft.com/office/drawing/2014/main" id="{00000000-0008-0000-0600-000064010000}"/>
            </a:ext>
          </a:extLst>
        </xdr:cNvPr>
        <xdr:cNvCxnSpPr/>
      </xdr:nvCxnSpPr>
      <xdr:spPr>
        <a:xfrm flipV="1">
          <a:off x="9639300" y="10220383"/>
          <a:ext cx="838200" cy="38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393</xdr:rowOff>
    </xdr:from>
    <xdr:ext cx="534377" cy="259045"/>
    <xdr:sp macro="" textlink="">
      <xdr:nvSpPr>
        <xdr:cNvPr id="357" name="普通建設事業費平均値テキスト">
          <a:extLst>
            <a:ext uri="{FF2B5EF4-FFF2-40B4-BE49-F238E27FC236}">
              <a16:creationId xmlns:a16="http://schemas.microsoft.com/office/drawing/2014/main" id="{00000000-0008-0000-0600-000065010000}"/>
            </a:ext>
          </a:extLst>
        </xdr:cNvPr>
        <xdr:cNvSpPr txBox="1"/>
      </xdr:nvSpPr>
      <xdr:spPr>
        <a:xfrm>
          <a:off x="10528300" y="977904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4966</xdr:rowOff>
    </xdr:from>
    <xdr:to>
      <xdr:col>55</xdr:col>
      <xdr:colOff>50800</xdr:colOff>
      <xdr:row>58</xdr:row>
      <xdr:rowOff>85116</xdr:rowOff>
    </xdr:to>
    <xdr:sp macro="" textlink="">
      <xdr:nvSpPr>
        <xdr:cNvPr id="358" name="フローチャート: 判断 357">
          <a:extLst>
            <a:ext uri="{FF2B5EF4-FFF2-40B4-BE49-F238E27FC236}">
              <a16:creationId xmlns:a16="http://schemas.microsoft.com/office/drawing/2014/main" id="{00000000-0008-0000-0600-000066010000}"/>
            </a:ext>
          </a:extLst>
        </xdr:cNvPr>
        <xdr:cNvSpPr/>
      </xdr:nvSpPr>
      <xdr:spPr>
        <a:xfrm>
          <a:off x="10426700" y="99276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139406</xdr:rowOff>
    </xdr:from>
    <xdr:to>
      <xdr:col>50</xdr:col>
      <xdr:colOff>114300</xdr:colOff>
      <xdr:row>59</xdr:row>
      <xdr:rowOff>143249</xdr:rowOff>
    </xdr:to>
    <xdr:cxnSp macro="">
      <xdr:nvCxnSpPr>
        <xdr:cNvPr id="359" name="直線コネクタ 358">
          <a:extLst>
            <a:ext uri="{FF2B5EF4-FFF2-40B4-BE49-F238E27FC236}">
              <a16:creationId xmlns:a16="http://schemas.microsoft.com/office/drawing/2014/main" id="{00000000-0008-0000-0600-000067010000}"/>
            </a:ext>
          </a:extLst>
        </xdr:cNvPr>
        <xdr:cNvCxnSpPr/>
      </xdr:nvCxnSpPr>
      <xdr:spPr>
        <a:xfrm>
          <a:off x="8750300" y="10254956"/>
          <a:ext cx="889000" cy="3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035</xdr:rowOff>
    </xdr:from>
    <xdr:to>
      <xdr:col>50</xdr:col>
      <xdr:colOff>165100</xdr:colOff>
      <xdr:row>58</xdr:row>
      <xdr:rowOff>105635</xdr:rowOff>
    </xdr:to>
    <xdr:sp macro="" textlink="">
      <xdr:nvSpPr>
        <xdr:cNvPr id="360" name="フローチャート: 判断 359">
          <a:extLst>
            <a:ext uri="{FF2B5EF4-FFF2-40B4-BE49-F238E27FC236}">
              <a16:creationId xmlns:a16="http://schemas.microsoft.com/office/drawing/2014/main" id="{00000000-0008-0000-0600-000068010000}"/>
            </a:ext>
          </a:extLst>
        </xdr:cNvPr>
        <xdr:cNvSpPr/>
      </xdr:nvSpPr>
      <xdr:spPr>
        <a:xfrm>
          <a:off x="9588500" y="99481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122162</xdr:rowOff>
    </xdr:from>
    <xdr:ext cx="534377"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9372111" y="972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41119</xdr:rowOff>
    </xdr:from>
    <xdr:to>
      <xdr:col>45</xdr:col>
      <xdr:colOff>177800</xdr:colOff>
      <xdr:row>59</xdr:row>
      <xdr:rowOff>139406</xdr:rowOff>
    </xdr:to>
    <xdr:cxnSp macro="">
      <xdr:nvCxnSpPr>
        <xdr:cNvPr id="362" name="直線コネクタ 361">
          <a:extLst>
            <a:ext uri="{FF2B5EF4-FFF2-40B4-BE49-F238E27FC236}">
              <a16:creationId xmlns:a16="http://schemas.microsoft.com/office/drawing/2014/main" id="{00000000-0008-0000-0600-00006A010000}"/>
            </a:ext>
          </a:extLst>
        </xdr:cNvPr>
        <xdr:cNvCxnSpPr/>
      </xdr:nvCxnSpPr>
      <xdr:spPr>
        <a:xfrm>
          <a:off x="7861300" y="10156669"/>
          <a:ext cx="889000" cy="9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7889</xdr:rowOff>
    </xdr:from>
    <xdr:to>
      <xdr:col>46</xdr:col>
      <xdr:colOff>38100</xdr:colOff>
      <xdr:row>58</xdr:row>
      <xdr:rowOff>139489</xdr:rowOff>
    </xdr:to>
    <xdr:sp macro="" textlink="">
      <xdr:nvSpPr>
        <xdr:cNvPr id="363" name="フローチャート: 判断 362">
          <a:extLst>
            <a:ext uri="{FF2B5EF4-FFF2-40B4-BE49-F238E27FC236}">
              <a16:creationId xmlns:a16="http://schemas.microsoft.com/office/drawing/2014/main" id="{00000000-0008-0000-0600-00006B010000}"/>
            </a:ext>
          </a:extLst>
        </xdr:cNvPr>
        <xdr:cNvSpPr/>
      </xdr:nvSpPr>
      <xdr:spPr>
        <a:xfrm>
          <a:off x="8699500" y="9981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156016</xdr:rowOff>
    </xdr:from>
    <xdr:ext cx="534377"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8483111" y="97572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25864</xdr:rowOff>
    </xdr:from>
    <xdr:to>
      <xdr:col>41</xdr:col>
      <xdr:colOff>50800</xdr:colOff>
      <xdr:row>59</xdr:row>
      <xdr:rowOff>41119</xdr:rowOff>
    </xdr:to>
    <xdr:cxnSp macro="">
      <xdr:nvCxnSpPr>
        <xdr:cNvPr id="365" name="直線コネクタ 364">
          <a:extLst>
            <a:ext uri="{FF2B5EF4-FFF2-40B4-BE49-F238E27FC236}">
              <a16:creationId xmlns:a16="http://schemas.microsoft.com/office/drawing/2014/main" id="{00000000-0008-0000-0600-00006D010000}"/>
            </a:ext>
          </a:extLst>
        </xdr:cNvPr>
        <xdr:cNvCxnSpPr/>
      </xdr:nvCxnSpPr>
      <xdr:spPr>
        <a:xfrm>
          <a:off x="6972300" y="10069964"/>
          <a:ext cx="889000" cy="86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56228</xdr:rowOff>
    </xdr:from>
    <xdr:to>
      <xdr:col>41</xdr:col>
      <xdr:colOff>101600</xdr:colOff>
      <xdr:row>58</xdr:row>
      <xdr:rowOff>86378</xdr:rowOff>
    </xdr:to>
    <xdr:sp macro="" textlink="">
      <xdr:nvSpPr>
        <xdr:cNvPr id="366" name="フローチャート: 判断 365">
          <a:extLst>
            <a:ext uri="{FF2B5EF4-FFF2-40B4-BE49-F238E27FC236}">
              <a16:creationId xmlns:a16="http://schemas.microsoft.com/office/drawing/2014/main" id="{00000000-0008-0000-0600-00006E010000}"/>
            </a:ext>
          </a:extLst>
        </xdr:cNvPr>
        <xdr:cNvSpPr/>
      </xdr:nvSpPr>
      <xdr:spPr>
        <a:xfrm>
          <a:off x="7810500" y="9928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102905</xdr:rowOff>
    </xdr:from>
    <xdr:ext cx="534377"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7594111" y="9704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69600</xdr:rowOff>
    </xdr:from>
    <xdr:to>
      <xdr:col>36</xdr:col>
      <xdr:colOff>165100</xdr:colOff>
      <xdr:row>58</xdr:row>
      <xdr:rowOff>171200</xdr:rowOff>
    </xdr:to>
    <xdr:sp macro="" textlink="">
      <xdr:nvSpPr>
        <xdr:cNvPr id="368" name="フローチャート: 判断 367">
          <a:extLst>
            <a:ext uri="{FF2B5EF4-FFF2-40B4-BE49-F238E27FC236}">
              <a16:creationId xmlns:a16="http://schemas.microsoft.com/office/drawing/2014/main" id="{00000000-0008-0000-0600-000070010000}"/>
            </a:ext>
          </a:extLst>
        </xdr:cNvPr>
        <xdr:cNvSpPr/>
      </xdr:nvSpPr>
      <xdr:spPr>
        <a:xfrm>
          <a:off x="6921500" y="1001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6277</xdr:rowOff>
    </xdr:from>
    <xdr:ext cx="534377"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6705111" y="97889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4" name="テキスト ボックス 373">
          <a:extLst>
            <a:ext uri="{FF2B5EF4-FFF2-40B4-BE49-F238E27FC236}">
              <a16:creationId xmlns:a16="http://schemas.microsoft.com/office/drawing/2014/main" id="{00000000-0008-0000-0600-00007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9</xdr:row>
      <xdr:rowOff>54033</xdr:rowOff>
    </xdr:from>
    <xdr:to>
      <xdr:col>55</xdr:col>
      <xdr:colOff>50800</xdr:colOff>
      <xdr:row>59</xdr:row>
      <xdr:rowOff>155633</xdr:rowOff>
    </xdr:to>
    <xdr:sp macro="" textlink="">
      <xdr:nvSpPr>
        <xdr:cNvPr id="375" name="楕円 374">
          <a:extLst>
            <a:ext uri="{FF2B5EF4-FFF2-40B4-BE49-F238E27FC236}">
              <a16:creationId xmlns:a16="http://schemas.microsoft.com/office/drawing/2014/main" id="{00000000-0008-0000-0600-000077010000}"/>
            </a:ext>
          </a:extLst>
        </xdr:cNvPr>
        <xdr:cNvSpPr/>
      </xdr:nvSpPr>
      <xdr:spPr>
        <a:xfrm>
          <a:off x="10426700" y="10169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140410</xdr:rowOff>
    </xdr:from>
    <xdr:ext cx="534377" cy="259045"/>
    <xdr:sp macro="" textlink="">
      <xdr:nvSpPr>
        <xdr:cNvPr id="376" name="普通建設事業費該当値テキスト">
          <a:extLst>
            <a:ext uri="{FF2B5EF4-FFF2-40B4-BE49-F238E27FC236}">
              <a16:creationId xmlns:a16="http://schemas.microsoft.com/office/drawing/2014/main" id="{00000000-0008-0000-0600-000078010000}"/>
            </a:ext>
          </a:extLst>
        </xdr:cNvPr>
        <xdr:cNvSpPr txBox="1"/>
      </xdr:nvSpPr>
      <xdr:spPr>
        <a:xfrm>
          <a:off x="10528300" y="10084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9</xdr:row>
      <xdr:rowOff>92449</xdr:rowOff>
    </xdr:from>
    <xdr:to>
      <xdr:col>50</xdr:col>
      <xdr:colOff>165100</xdr:colOff>
      <xdr:row>60</xdr:row>
      <xdr:rowOff>22599</xdr:rowOff>
    </xdr:to>
    <xdr:sp macro="" textlink="">
      <xdr:nvSpPr>
        <xdr:cNvPr id="377" name="楕円 376">
          <a:extLst>
            <a:ext uri="{FF2B5EF4-FFF2-40B4-BE49-F238E27FC236}">
              <a16:creationId xmlns:a16="http://schemas.microsoft.com/office/drawing/2014/main" id="{00000000-0008-0000-0600-000079010000}"/>
            </a:ext>
          </a:extLst>
        </xdr:cNvPr>
        <xdr:cNvSpPr/>
      </xdr:nvSpPr>
      <xdr:spPr>
        <a:xfrm>
          <a:off x="9588500" y="10207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60</xdr:row>
      <xdr:rowOff>13726</xdr:rowOff>
    </xdr:from>
    <xdr:ext cx="534377" cy="259045"/>
    <xdr:sp macro="" textlink="">
      <xdr:nvSpPr>
        <xdr:cNvPr id="378" name="テキスト ボックス 377">
          <a:extLst>
            <a:ext uri="{FF2B5EF4-FFF2-40B4-BE49-F238E27FC236}">
              <a16:creationId xmlns:a16="http://schemas.microsoft.com/office/drawing/2014/main" id="{00000000-0008-0000-0600-00007A010000}"/>
            </a:ext>
          </a:extLst>
        </xdr:cNvPr>
        <xdr:cNvSpPr txBox="1"/>
      </xdr:nvSpPr>
      <xdr:spPr>
        <a:xfrm>
          <a:off x="9372111" y="10300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9</xdr:row>
      <xdr:rowOff>88606</xdr:rowOff>
    </xdr:from>
    <xdr:to>
      <xdr:col>46</xdr:col>
      <xdr:colOff>38100</xdr:colOff>
      <xdr:row>60</xdr:row>
      <xdr:rowOff>18756</xdr:rowOff>
    </xdr:to>
    <xdr:sp macro="" textlink="">
      <xdr:nvSpPr>
        <xdr:cNvPr id="379" name="楕円 378">
          <a:extLst>
            <a:ext uri="{FF2B5EF4-FFF2-40B4-BE49-F238E27FC236}">
              <a16:creationId xmlns:a16="http://schemas.microsoft.com/office/drawing/2014/main" id="{00000000-0008-0000-0600-00007B010000}"/>
            </a:ext>
          </a:extLst>
        </xdr:cNvPr>
        <xdr:cNvSpPr/>
      </xdr:nvSpPr>
      <xdr:spPr>
        <a:xfrm>
          <a:off x="8699500" y="10204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60</xdr:row>
      <xdr:rowOff>9883</xdr:rowOff>
    </xdr:from>
    <xdr:ext cx="534377" cy="259045"/>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8483111" y="102968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61769</xdr:rowOff>
    </xdr:from>
    <xdr:to>
      <xdr:col>41</xdr:col>
      <xdr:colOff>101600</xdr:colOff>
      <xdr:row>59</xdr:row>
      <xdr:rowOff>91919</xdr:rowOff>
    </xdr:to>
    <xdr:sp macro="" textlink="">
      <xdr:nvSpPr>
        <xdr:cNvPr id="381" name="楕円 380">
          <a:extLst>
            <a:ext uri="{FF2B5EF4-FFF2-40B4-BE49-F238E27FC236}">
              <a16:creationId xmlns:a16="http://schemas.microsoft.com/office/drawing/2014/main" id="{00000000-0008-0000-0600-00007D010000}"/>
            </a:ext>
          </a:extLst>
        </xdr:cNvPr>
        <xdr:cNvSpPr/>
      </xdr:nvSpPr>
      <xdr:spPr>
        <a:xfrm>
          <a:off x="7810500" y="101058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83046</xdr:rowOff>
    </xdr:from>
    <xdr:ext cx="534377" cy="259045"/>
    <xdr:sp macro="" textlink="">
      <xdr:nvSpPr>
        <xdr:cNvPr id="382" name="テキスト ボックス 381">
          <a:extLst>
            <a:ext uri="{FF2B5EF4-FFF2-40B4-BE49-F238E27FC236}">
              <a16:creationId xmlns:a16="http://schemas.microsoft.com/office/drawing/2014/main" id="{00000000-0008-0000-0600-00007E010000}"/>
            </a:ext>
          </a:extLst>
        </xdr:cNvPr>
        <xdr:cNvSpPr txBox="1"/>
      </xdr:nvSpPr>
      <xdr:spPr>
        <a:xfrm>
          <a:off x="7594111" y="101985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5064</xdr:rowOff>
    </xdr:from>
    <xdr:to>
      <xdr:col>36</xdr:col>
      <xdr:colOff>165100</xdr:colOff>
      <xdr:row>59</xdr:row>
      <xdr:rowOff>5214</xdr:rowOff>
    </xdr:to>
    <xdr:sp macro="" textlink="">
      <xdr:nvSpPr>
        <xdr:cNvPr id="383" name="楕円 382">
          <a:extLst>
            <a:ext uri="{FF2B5EF4-FFF2-40B4-BE49-F238E27FC236}">
              <a16:creationId xmlns:a16="http://schemas.microsoft.com/office/drawing/2014/main" id="{00000000-0008-0000-0600-00007F010000}"/>
            </a:ext>
          </a:extLst>
        </xdr:cNvPr>
        <xdr:cNvSpPr/>
      </xdr:nvSpPr>
      <xdr:spPr>
        <a:xfrm>
          <a:off x="6921500" y="10019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67791</xdr:rowOff>
    </xdr:from>
    <xdr:ext cx="534377"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705111" y="10111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6" name="正方形/長方形 385">
          <a:extLst>
            <a:ext uri="{FF2B5EF4-FFF2-40B4-BE49-F238E27FC236}">
              <a16:creationId xmlns:a16="http://schemas.microsoft.com/office/drawing/2014/main" id="{00000000-0008-0000-0600-00008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7" name="正方形/長方形 386">
          <a:extLst>
            <a:ext uri="{FF2B5EF4-FFF2-40B4-BE49-F238E27FC236}">
              <a16:creationId xmlns:a16="http://schemas.microsoft.com/office/drawing/2014/main" id="{00000000-0008-0000-0600-00008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8" name="正方形/長方形 387">
          <a:extLst>
            <a:ext uri="{FF2B5EF4-FFF2-40B4-BE49-F238E27FC236}">
              <a16:creationId xmlns:a16="http://schemas.microsoft.com/office/drawing/2014/main" id="{00000000-0008-0000-0600-00008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9" name="正方形/長方形 388">
          <a:extLst>
            <a:ext uri="{FF2B5EF4-FFF2-40B4-BE49-F238E27FC236}">
              <a16:creationId xmlns:a16="http://schemas.microsoft.com/office/drawing/2014/main" id="{00000000-0008-0000-0600-00008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90" name="正方形/長方形 389">
          <a:extLst>
            <a:ext uri="{FF2B5EF4-FFF2-40B4-BE49-F238E27FC236}">
              <a16:creationId xmlns:a16="http://schemas.microsoft.com/office/drawing/2014/main" id="{00000000-0008-0000-0600-00008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1" name="正方形/長方形 390">
          <a:extLst>
            <a:ext uri="{FF2B5EF4-FFF2-40B4-BE49-F238E27FC236}">
              <a16:creationId xmlns:a16="http://schemas.microsoft.com/office/drawing/2014/main" id="{00000000-0008-0000-0600-00008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2" name="正方形/長方形 391">
          <a:extLst>
            <a:ext uri="{FF2B5EF4-FFF2-40B4-BE49-F238E27FC236}">
              <a16:creationId xmlns:a16="http://schemas.microsoft.com/office/drawing/2014/main" id="{00000000-0008-0000-0600-00008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6" name="テキスト ボックス 395">
          <a:extLst>
            <a:ext uri="{FF2B5EF4-FFF2-40B4-BE49-F238E27FC236}">
              <a16:creationId xmlns:a16="http://schemas.microsoft.com/office/drawing/2014/main" id="{00000000-0008-0000-0600-00008C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8" name="テキスト ボックス 397">
          <a:extLst>
            <a:ext uri="{FF2B5EF4-FFF2-40B4-BE49-F238E27FC236}">
              <a16:creationId xmlns:a16="http://schemas.microsoft.com/office/drawing/2014/main" id="{00000000-0008-0000-0600-00008E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400" name="テキスト ボックス 399">
          <a:extLst>
            <a:ext uri="{FF2B5EF4-FFF2-40B4-BE49-F238E27FC236}">
              <a16:creationId xmlns:a16="http://schemas.microsoft.com/office/drawing/2014/main" id="{00000000-0008-0000-0600-000090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402" name="テキスト ボックス 401">
          <a:extLst>
            <a:ext uri="{FF2B5EF4-FFF2-40B4-BE49-F238E27FC236}">
              <a16:creationId xmlns:a16="http://schemas.microsoft.com/office/drawing/2014/main" id="{00000000-0008-0000-0600-000092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4" name="テキスト ボックス 403">
          <a:extLst>
            <a:ext uri="{FF2B5EF4-FFF2-40B4-BE49-F238E27FC236}">
              <a16:creationId xmlns:a16="http://schemas.microsoft.com/office/drawing/2014/main" id="{00000000-0008-0000-0600-000094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5" name="普通建設事業費 （ うち新規整備　）グラフ枠">
          <a:extLst>
            <a:ext uri="{FF2B5EF4-FFF2-40B4-BE49-F238E27FC236}">
              <a16:creationId xmlns:a16="http://schemas.microsoft.com/office/drawing/2014/main" id="{00000000-0008-0000-0600-000095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80173</xdr:rowOff>
    </xdr:from>
    <xdr:to>
      <xdr:col>54</xdr:col>
      <xdr:colOff>189865</xdr:colOff>
      <xdr:row>78</xdr:row>
      <xdr:rowOff>13970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flipV="1">
          <a:off x="10475595" y="12081673"/>
          <a:ext cx="1270" cy="1431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7" name="普通建設事業費 （ うち新規整備　）最小値テキスト">
          <a:extLst>
            <a:ext uri="{FF2B5EF4-FFF2-40B4-BE49-F238E27FC236}">
              <a16:creationId xmlns:a16="http://schemas.microsoft.com/office/drawing/2014/main" id="{00000000-0008-0000-0600-000097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08" name="直線コネクタ 407">
          <a:extLst>
            <a:ext uri="{FF2B5EF4-FFF2-40B4-BE49-F238E27FC236}">
              <a16:creationId xmlns:a16="http://schemas.microsoft.com/office/drawing/2014/main" id="{00000000-0008-0000-0600-000098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26850</xdr:rowOff>
    </xdr:from>
    <xdr:ext cx="534377" cy="259045"/>
    <xdr:sp macro="" textlink="">
      <xdr:nvSpPr>
        <xdr:cNvPr id="409" name="普通建設事業費 （ うち新規整備　）最大値テキスト">
          <a:extLst>
            <a:ext uri="{FF2B5EF4-FFF2-40B4-BE49-F238E27FC236}">
              <a16:creationId xmlns:a16="http://schemas.microsoft.com/office/drawing/2014/main" id="{00000000-0008-0000-0600-000099010000}"/>
            </a:ext>
          </a:extLst>
        </xdr:cNvPr>
        <xdr:cNvSpPr txBox="1"/>
      </xdr:nvSpPr>
      <xdr:spPr>
        <a:xfrm>
          <a:off x="10528300" y="118569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6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80173</xdr:rowOff>
    </xdr:from>
    <xdr:to>
      <xdr:col>55</xdr:col>
      <xdr:colOff>88900</xdr:colOff>
      <xdr:row>70</xdr:row>
      <xdr:rowOff>80173</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10388600" y="1208167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04656</xdr:rowOff>
    </xdr:from>
    <xdr:to>
      <xdr:col>55</xdr:col>
      <xdr:colOff>0</xdr:colOff>
      <xdr:row>78</xdr:row>
      <xdr:rowOff>109936</xdr:rowOff>
    </xdr:to>
    <xdr:cxnSp macro="">
      <xdr:nvCxnSpPr>
        <xdr:cNvPr id="411" name="直線コネクタ 410">
          <a:extLst>
            <a:ext uri="{FF2B5EF4-FFF2-40B4-BE49-F238E27FC236}">
              <a16:creationId xmlns:a16="http://schemas.microsoft.com/office/drawing/2014/main" id="{00000000-0008-0000-0600-00009B010000}"/>
            </a:ext>
          </a:extLst>
        </xdr:cNvPr>
        <xdr:cNvCxnSpPr/>
      </xdr:nvCxnSpPr>
      <xdr:spPr>
        <a:xfrm>
          <a:off x="9639300" y="13477756"/>
          <a:ext cx="838200" cy="5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16349</xdr:rowOff>
    </xdr:from>
    <xdr:ext cx="469744" cy="259045"/>
    <xdr:sp macro="" textlink="">
      <xdr:nvSpPr>
        <xdr:cNvPr id="412" name="普通建設事業費 （ うち新規整備　）平均値テキスト">
          <a:extLst>
            <a:ext uri="{FF2B5EF4-FFF2-40B4-BE49-F238E27FC236}">
              <a16:creationId xmlns:a16="http://schemas.microsoft.com/office/drawing/2014/main" id="{00000000-0008-0000-0600-00009C010000}"/>
            </a:ext>
          </a:extLst>
        </xdr:cNvPr>
        <xdr:cNvSpPr txBox="1"/>
      </xdr:nvSpPr>
      <xdr:spPr>
        <a:xfrm>
          <a:off x="10528300" y="1314654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3472</xdr:rowOff>
    </xdr:from>
    <xdr:to>
      <xdr:col>55</xdr:col>
      <xdr:colOff>50800</xdr:colOff>
      <xdr:row>78</xdr:row>
      <xdr:rowOff>23622</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10426700" y="13295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3137</xdr:rowOff>
    </xdr:from>
    <xdr:to>
      <xdr:col>50</xdr:col>
      <xdr:colOff>114300</xdr:colOff>
      <xdr:row>78</xdr:row>
      <xdr:rowOff>104656</xdr:rowOff>
    </xdr:to>
    <xdr:cxnSp macro="">
      <xdr:nvCxnSpPr>
        <xdr:cNvPr id="414" name="直線コネクタ 413">
          <a:extLst>
            <a:ext uri="{FF2B5EF4-FFF2-40B4-BE49-F238E27FC236}">
              <a16:creationId xmlns:a16="http://schemas.microsoft.com/office/drawing/2014/main" id="{00000000-0008-0000-0600-00009E010000}"/>
            </a:ext>
          </a:extLst>
        </xdr:cNvPr>
        <xdr:cNvCxnSpPr/>
      </xdr:nvCxnSpPr>
      <xdr:spPr>
        <a:xfrm>
          <a:off x="8750300" y="13396237"/>
          <a:ext cx="889000" cy="815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25476</xdr:rowOff>
    </xdr:from>
    <xdr:to>
      <xdr:col>50</xdr:col>
      <xdr:colOff>165100</xdr:colOff>
      <xdr:row>78</xdr:row>
      <xdr:rowOff>55626</xdr:rowOff>
    </xdr:to>
    <xdr:sp macro="" textlink="">
      <xdr:nvSpPr>
        <xdr:cNvPr id="415" name="フローチャート: 判断 414">
          <a:extLst>
            <a:ext uri="{FF2B5EF4-FFF2-40B4-BE49-F238E27FC236}">
              <a16:creationId xmlns:a16="http://schemas.microsoft.com/office/drawing/2014/main" id="{00000000-0008-0000-0600-00009F010000}"/>
            </a:ext>
          </a:extLst>
        </xdr:cNvPr>
        <xdr:cNvSpPr/>
      </xdr:nvSpPr>
      <xdr:spPr>
        <a:xfrm>
          <a:off x="9588500" y="13327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6</xdr:row>
      <xdr:rowOff>72153</xdr:rowOff>
    </xdr:from>
    <xdr:ext cx="469744"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404428" y="131023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2152</xdr:rowOff>
    </xdr:from>
    <xdr:to>
      <xdr:col>45</xdr:col>
      <xdr:colOff>177800</xdr:colOff>
      <xdr:row>78</xdr:row>
      <xdr:rowOff>23137</xdr:rowOff>
    </xdr:to>
    <xdr:cxnSp macro="">
      <xdr:nvCxnSpPr>
        <xdr:cNvPr id="417" name="直線コネクタ 416">
          <a:extLst>
            <a:ext uri="{FF2B5EF4-FFF2-40B4-BE49-F238E27FC236}">
              <a16:creationId xmlns:a16="http://schemas.microsoft.com/office/drawing/2014/main" id="{00000000-0008-0000-0600-0000A1010000}"/>
            </a:ext>
          </a:extLst>
        </xdr:cNvPr>
        <xdr:cNvCxnSpPr/>
      </xdr:nvCxnSpPr>
      <xdr:spPr>
        <a:xfrm>
          <a:off x="7861300" y="13375252"/>
          <a:ext cx="889000" cy="20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06021</xdr:rowOff>
    </xdr:from>
    <xdr:to>
      <xdr:col>46</xdr:col>
      <xdr:colOff>38100</xdr:colOff>
      <xdr:row>78</xdr:row>
      <xdr:rowOff>36171</xdr:rowOff>
    </xdr:to>
    <xdr:sp macro="" textlink="">
      <xdr:nvSpPr>
        <xdr:cNvPr id="418" name="フローチャート: 判断 417">
          <a:extLst>
            <a:ext uri="{FF2B5EF4-FFF2-40B4-BE49-F238E27FC236}">
              <a16:creationId xmlns:a16="http://schemas.microsoft.com/office/drawing/2014/main" id="{00000000-0008-0000-0600-0000A2010000}"/>
            </a:ext>
          </a:extLst>
        </xdr:cNvPr>
        <xdr:cNvSpPr/>
      </xdr:nvSpPr>
      <xdr:spPr>
        <a:xfrm>
          <a:off x="8699500" y="1330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6</xdr:row>
      <xdr:rowOff>52698</xdr:rowOff>
    </xdr:from>
    <xdr:ext cx="469744"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8515428" y="13082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68069</xdr:rowOff>
    </xdr:from>
    <xdr:to>
      <xdr:col>41</xdr:col>
      <xdr:colOff>50800</xdr:colOff>
      <xdr:row>78</xdr:row>
      <xdr:rowOff>2152</xdr:rowOff>
    </xdr:to>
    <xdr:cxnSp macro="">
      <xdr:nvCxnSpPr>
        <xdr:cNvPr id="420" name="直線コネクタ 419">
          <a:extLst>
            <a:ext uri="{FF2B5EF4-FFF2-40B4-BE49-F238E27FC236}">
              <a16:creationId xmlns:a16="http://schemas.microsoft.com/office/drawing/2014/main" id="{00000000-0008-0000-0600-0000A4010000}"/>
            </a:ext>
          </a:extLst>
        </xdr:cNvPr>
        <xdr:cNvCxnSpPr/>
      </xdr:nvCxnSpPr>
      <xdr:spPr>
        <a:xfrm>
          <a:off x="6972300" y="13198269"/>
          <a:ext cx="889000" cy="176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02960</xdr:rowOff>
    </xdr:from>
    <xdr:to>
      <xdr:col>41</xdr:col>
      <xdr:colOff>101600</xdr:colOff>
      <xdr:row>78</xdr:row>
      <xdr:rowOff>33110</xdr:rowOff>
    </xdr:to>
    <xdr:sp macro="" textlink="">
      <xdr:nvSpPr>
        <xdr:cNvPr id="421" name="フローチャート: 判断 420">
          <a:extLst>
            <a:ext uri="{FF2B5EF4-FFF2-40B4-BE49-F238E27FC236}">
              <a16:creationId xmlns:a16="http://schemas.microsoft.com/office/drawing/2014/main" id="{00000000-0008-0000-0600-0000A5010000}"/>
            </a:ext>
          </a:extLst>
        </xdr:cNvPr>
        <xdr:cNvSpPr/>
      </xdr:nvSpPr>
      <xdr:spPr>
        <a:xfrm>
          <a:off x="7810500" y="13304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6</xdr:row>
      <xdr:rowOff>49637</xdr:rowOff>
    </xdr:from>
    <xdr:ext cx="469744"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7626428" y="130798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694</xdr:rowOff>
    </xdr:from>
    <xdr:to>
      <xdr:col>36</xdr:col>
      <xdr:colOff>165100</xdr:colOff>
      <xdr:row>77</xdr:row>
      <xdr:rowOff>143294</xdr:rowOff>
    </xdr:to>
    <xdr:sp macro="" textlink="">
      <xdr:nvSpPr>
        <xdr:cNvPr id="423" name="フローチャート: 判断 422">
          <a:extLst>
            <a:ext uri="{FF2B5EF4-FFF2-40B4-BE49-F238E27FC236}">
              <a16:creationId xmlns:a16="http://schemas.microsoft.com/office/drawing/2014/main" id="{00000000-0008-0000-0600-0000A7010000}"/>
            </a:ext>
          </a:extLst>
        </xdr:cNvPr>
        <xdr:cNvSpPr/>
      </xdr:nvSpPr>
      <xdr:spPr>
        <a:xfrm>
          <a:off x="6921500" y="1324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34421</xdr:rowOff>
    </xdr:from>
    <xdr:ext cx="469744"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6737428" y="13336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59136</xdr:rowOff>
    </xdr:from>
    <xdr:to>
      <xdr:col>55</xdr:col>
      <xdr:colOff>50800</xdr:colOff>
      <xdr:row>78</xdr:row>
      <xdr:rowOff>160736</xdr:rowOff>
    </xdr:to>
    <xdr:sp macro="" textlink="">
      <xdr:nvSpPr>
        <xdr:cNvPr id="430" name="楕円 429">
          <a:extLst>
            <a:ext uri="{FF2B5EF4-FFF2-40B4-BE49-F238E27FC236}">
              <a16:creationId xmlns:a16="http://schemas.microsoft.com/office/drawing/2014/main" id="{00000000-0008-0000-0600-0000AE010000}"/>
            </a:ext>
          </a:extLst>
        </xdr:cNvPr>
        <xdr:cNvSpPr/>
      </xdr:nvSpPr>
      <xdr:spPr>
        <a:xfrm>
          <a:off x="10426700" y="13432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5513</xdr:rowOff>
    </xdr:from>
    <xdr:ext cx="469744" cy="259045"/>
    <xdr:sp macro="" textlink="">
      <xdr:nvSpPr>
        <xdr:cNvPr id="431" name="普通建設事業費 （ うち新規整備　）該当値テキスト">
          <a:extLst>
            <a:ext uri="{FF2B5EF4-FFF2-40B4-BE49-F238E27FC236}">
              <a16:creationId xmlns:a16="http://schemas.microsoft.com/office/drawing/2014/main" id="{00000000-0008-0000-0600-0000AF010000}"/>
            </a:ext>
          </a:extLst>
        </xdr:cNvPr>
        <xdr:cNvSpPr txBox="1"/>
      </xdr:nvSpPr>
      <xdr:spPr>
        <a:xfrm>
          <a:off x="10528300" y="1334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53856</xdr:rowOff>
    </xdr:from>
    <xdr:to>
      <xdr:col>50</xdr:col>
      <xdr:colOff>165100</xdr:colOff>
      <xdr:row>78</xdr:row>
      <xdr:rowOff>155456</xdr:rowOff>
    </xdr:to>
    <xdr:sp macro="" textlink="">
      <xdr:nvSpPr>
        <xdr:cNvPr id="432" name="楕円 431">
          <a:extLst>
            <a:ext uri="{FF2B5EF4-FFF2-40B4-BE49-F238E27FC236}">
              <a16:creationId xmlns:a16="http://schemas.microsoft.com/office/drawing/2014/main" id="{00000000-0008-0000-0600-0000B0010000}"/>
            </a:ext>
          </a:extLst>
        </xdr:cNvPr>
        <xdr:cNvSpPr/>
      </xdr:nvSpPr>
      <xdr:spPr>
        <a:xfrm>
          <a:off x="9588500" y="13426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46583</xdr:rowOff>
    </xdr:from>
    <xdr:ext cx="469744" cy="259045"/>
    <xdr:sp macro="" textlink="">
      <xdr:nvSpPr>
        <xdr:cNvPr id="433" name="テキスト ボックス 432">
          <a:extLst>
            <a:ext uri="{FF2B5EF4-FFF2-40B4-BE49-F238E27FC236}">
              <a16:creationId xmlns:a16="http://schemas.microsoft.com/office/drawing/2014/main" id="{00000000-0008-0000-0600-0000B1010000}"/>
            </a:ext>
          </a:extLst>
        </xdr:cNvPr>
        <xdr:cNvSpPr txBox="1"/>
      </xdr:nvSpPr>
      <xdr:spPr>
        <a:xfrm>
          <a:off x="9404428" y="13519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3787</xdr:rowOff>
    </xdr:from>
    <xdr:to>
      <xdr:col>46</xdr:col>
      <xdr:colOff>38100</xdr:colOff>
      <xdr:row>78</xdr:row>
      <xdr:rowOff>73937</xdr:rowOff>
    </xdr:to>
    <xdr:sp macro="" textlink="">
      <xdr:nvSpPr>
        <xdr:cNvPr id="434" name="楕円 433">
          <a:extLst>
            <a:ext uri="{FF2B5EF4-FFF2-40B4-BE49-F238E27FC236}">
              <a16:creationId xmlns:a16="http://schemas.microsoft.com/office/drawing/2014/main" id="{00000000-0008-0000-0600-0000B2010000}"/>
            </a:ext>
          </a:extLst>
        </xdr:cNvPr>
        <xdr:cNvSpPr/>
      </xdr:nvSpPr>
      <xdr:spPr>
        <a:xfrm>
          <a:off x="8699500" y="13345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5064</xdr:rowOff>
    </xdr:from>
    <xdr:ext cx="469744" cy="259045"/>
    <xdr:sp macro="" textlink="">
      <xdr:nvSpPr>
        <xdr:cNvPr id="435" name="テキスト ボックス 434">
          <a:extLst>
            <a:ext uri="{FF2B5EF4-FFF2-40B4-BE49-F238E27FC236}">
              <a16:creationId xmlns:a16="http://schemas.microsoft.com/office/drawing/2014/main" id="{00000000-0008-0000-0600-0000B3010000}"/>
            </a:ext>
          </a:extLst>
        </xdr:cNvPr>
        <xdr:cNvSpPr txBox="1"/>
      </xdr:nvSpPr>
      <xdr:spPr>
        <a:xfrm>
          <a:off x="8515428" y="13438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22802</xdr:rowOff>
    </xdr:from>
    <xdr:to>
      <xdr:col>41</xdr:col>
      <xdr:colOff>101600</xdr:colOff>
      <xdr:row>78</xdr:row>
      <xdr:rowOff>52952</xdr:rowOff>
    </xdr:to>
    <xdr:sp macro="" textlink="">
      <xdr:nvSpPr>
        <xdr:cNvPr id="436" name="楕円 435">
          <a:extLst>
            <a:ext uri="{FF2B5EF4-FFF2-40B4-BE49-F238E27FC236}">
              <a16:creationId xmlns:a16="http://schemas.microsoft.com/office/drawing/2014/main" id="{00000000-0008-0000-0600-0000B4010000}"/>
            </a:ext>
          </a:extLst>
        </xdr:cNvPr>
        <xdr:cNvSpPr/>
      </xdr:nvSpPr>
      <xdr:spPr>
        <a:xfrm>
          <a:off x="7810500" y="13324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44079</xdr:rowOff>
    </xdr:from>
    <xdr:ext cx="469744" cy="259045"/>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7626428" y="13417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269</xdr:rowOff>
    </xdr:from>
    <xdr:to>
      <xdr:col>36</xdr:col>
      <xdr:colOff>165100</xdr:colOff>
      <xdr:row>77</xdr:row>
      <xdr:rowOff>47419</xdr:rowOff>
    </xdr:to>
    <xdr:sp macro="" textlink="">
      <xdr:nvSpPr>
        <xdr:cNvPr id="438" name="楕円 437">
          <a:extLst>
            <a:ext uri="{FF2B5EF4-FFF2-40B4-BE49-F238E27FC236}">
              <a16:creationId xmlns:a16="http://schemas.microsoft.com/office/drawing/2014/main" id="{00000000-0008-0000-0600-0000B6010000}"/>
            </a:ext>
          </a:extLst>
        </xdr:cNvPr>
        <xdr:cNvSpPr/>
      </xdr:nvSpPr>
      <xdr:spPr>
        <a:xfrm>
          <a:off x="6921500" y="13147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63947</xdr:rowOff>
    </xdr:from>
    <xdr:ext cx="534377" cy="259045"/>
    <xdr:sp macro="" textlink="">
      <xdr:nvSpPr>
        <xdr:cNvPr id="439" name="テキスト ボックス 438">
          <a:extLst>
            <a:ext uri="{FF2B5EF4-FFF2-40B4-BE49-F238E27FC236}">
              <a16:creationId xmlns:a16="http://schemas.microsoft.com/office/drawing/2014/main" id="{00000000-0008-0000-0600-0000B7010000}"/>
            </a:ext>
          </a:extLst>
        </xdr:cNvPr>
        <xdr:cNvSpPr txBox="1"/>
      </xdr:nvSpPr>
      <xdr:spPr>
        <a:xfrm>
          <a:off x="6705111" y="12922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1" name="正方形/長方形 440">
          <a:extLst>
            <a:ext uri="{FF2B5EF4-FFF2-40B4-BE49-F238E27FC236}">
              <a16:creationId xmlns:a16="http://schemas.microsoft.com/office/drawing/2014/main" id="{00000000-0008-0000-0600-0000B9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2" name="正方形/長方形 441">
          <a:extLst>
            <a:ext uri="{FF2B5EF4-FFF2-40B4-BE49-F238E27FC236}">
              <a16:creationId xmlns:a16="http://schemas.microsoft.com/office/drawing/2014/main" id="{00000000-0008-0000-0600-0000BA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3" name="正方形/長方形 442">
          <a:extLst>
            <a:ext uri="{FF2B5EF4-FFF2-40B4-BE49-F238E27FC236}">
              <a16:creationId xmlns:a16="http://schemas.microsoft.com/office/drawing/2014/main" id="{00000000-0008-0000-0600-0000BB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4" name="正方形/長方形 443">
          <a:extLst>
            <a:ext uri="{FF2B5EF4-FFF2-40B4-BE49-F238E27FC236}">
              <a16:creationId xmlns:a16="http://schemas.microsoft.com/office/drawing/2014/main" id="{00000000-0008-0000-0600-0000BC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5" name="正方形/長方形 444">
          <a:extLst>
            <a:ext uri="{FF2B5EF4-FFF2-40B4-BE49-F238E27FC236}">
              <a16:creationId xmlns:a16="http://schemas.microsoft.com/office/drawing/2014/main" id="{00000000-0008-0000-0600-0000BD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6" name="正方形/長方形 445">
          <a:extLst>
            <a:ext uri="{FF2B5EF4-FFF2-40B4-BE49-F238E27FC236}">
              <a16:creationId xmlns:a16="http://schemas.microsoft.com/office/drawing/2014/main" id="{00000000-0008-0000-0600-0000BE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8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7" name="正方形/長方形 446">
          <a:extLst>
            <a:ext uri="{FF2B5EF4-FFF2-40B4-BE49-F238E27FC236}">
              <a16:creationId xmlns:a16="http://schemas.microsoft.com/office/drawing/2014/main" id="{00000000-0008-0000-0600-0000BF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139700</xdr:rowOff>
    </xdr:from>
    <xdr:to>
      <xdr:col>59</xdr:col>
      <xdr:colOff>50800</xdr:colOff>
      <xdr:row>99</xdr:row>
      <xdr:rowOff>139700</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a:off x="6604000" y="1711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68927</xdr:rowOff>
    </xdr:from>
    <xdr:ext cx="248786" cy="259045"/>
    <xdr:sp macro="" textlink="">
      <xdr:nvSpPr>
        <xdr:cNvPr id="451" name="テキスト ボックス 450">
          <a:extLst>
            <a:ext uri="{FF2B5EF4-FFF2-40B4-BE49-F238E27FC236}">
              <a16:creationId xmlns:a16="http://schemas.microsoft.com/office/drawing/2014/main" id="{00000000-0008-0000-0600-0000C3010000}"/>
            </a:ext>
          </a:extLst>
        </xdr:cNvPr>
        <xdr:cNvSpPr txBox="1"/>
      </xdr:nvSpPr>
      <xdr:spPr>
        <a:xfrm>
          <a:off x="6355214" y="16971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25400</xdr:rowOff>
    </xdr:from>
    <xdr:to>
      <xdr:col>59</xdr:col>
      <xdr:colOff>50800</xdr:colOff>
      <xdr:row>98</xdr:row>
      <xdr:rowOff>25400</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54627</xdr:rowOff>
    </xdr:from>
    <xdr:ext cx="531299" cy="259045"/>
    <xdr:sp macro="" textlink="">
      <xdr:nvSpPr>
        <xdr:cNvPr id="453" name="テキスト ボックス 452">
          <a:extLst>
            <a:ext uri="{FF2B5EF4-FFF2-40B4-BE49-F238E27FC236}">
              <a16:creationId xmlns:a16="http://schemas.microsoft.com/office/drawing/2014/main" id="{00000000-0008-0000-0600-0000C5010000}"/>
            </a:ext>
          </a:extLst>
        </xdr:cNvPr>
        <xdr:cNvSpPr txBox="1"/>
      </xdr:nvSpPr>
      <xdr:spPr>
        <a:xfrm>
          <a:off x="6072701" y="1668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82550</xdr:rowOff>
    </xdr:from>
    <xdr:to>
      <xdr:col>59</xdr:col>
      <xdr:colOff>50800</xdr:colOff>
      <xdr:row>96</xdr:row>
      <xdr:rowOff>82550</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6604000" y="1654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111777</xdr:rowOff>
    </xdr:from>
    <xdr:ext cx="531299" cy="259045"/>
    <xdr:sp macro="" textlink="">
      <xdr:nvSpPr>
        <xdr:cNvPr id="455" name="テキスト ボックス 454">
          <a:extLst>
            <a:ext uri="{FF2B5EF4-FFF2-40B4-BE49-F238E27FC236}">
              <a16:creationId xmlns:a16="http://schemas.microsoft.com/office/drawing/2014/main" id="{00000000-0008-0000-0600-0000C7010000}"/>
            </a:ext>
          </a:extLst>
        </xdr:cNvPr>
        <xdr:cNvSpPr txBox="1"/>
      </xdr:nvSpPr>
      <xdr:spPr>
        <a:xfrm>
          <a:off x="6072701" y="16399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57" name="テキスト ボックス 456">
          <a:extLst>
            <a:ext uri="{FF2B5EF4-FFF2-40B4-BE49-F238E27FC236}">
              <a16:creationId xmlns:a16="http://schemas.microsoft.com/office/drawing/2014/main" id="{00000000-0008-0000-0600-0000C9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25400</xdr:rowOff>
    </xdr:from>
    <xdr:to>
      <xdr:col>59</xdr:col>
      <xdr:colOff>50800</xdr:colOff>
      <xdr:row>93</xdr:row>
      <xdr:rowOff>25400</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6604000" y="15970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54627</xdr:rowOff>
    </xdr:from>
    <xdr:ext cx="531299" cy="259045"/>
    <xdr:sp macro="" textlink="">
      <xdr:nvSpPr>
        <xdr:cNvPr id="459" name="テキスト ボックス 458">
          <a:extLst>
            <a:ext uri="{FF2B5EF4-FFF2-40B4-BE49-F238E27FC236}">
              <a16:creationId xmlns:a16="http://schemas.microsoft.com/office/drawing/2014/main" id="{00000000-0008-0000-0600-0000CB010000}"/>
            </a:ext>
          </a:extLst>
        </xdr:cNvPr>
        <xdr:cNvSpPr txBox="1"/>
      </xdr:nvSpPr>
      <xdr:spPr>
        <a:xfrm>
          <a:off x="6072701" y="15828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0</xdr:row>
      <xdr:rowOff>111777</xdr:rowOff>
    </xdr:from>
    <xdr:ext cx="595419"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6008581" y="15542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9</xdr:row>
      <xdr:rowOff>139700</xdr:rowOff>
    </xdr:from>
    <xdr:to>
      <xdr:col>59</xdr:col>
      <xdr:colOff>50800</xdr:colOff>
      <xdr:row>89</xdr:row>
      <xdr:rowOff>139700</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a:off x="6604000" y="15398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8</xdr:row>
      <xdr:rowOff>168927</xdr:rowOff>
    </xdr:from>
    <xdr:ext cx="595419"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6008581" y="15256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65" name="テキスト ボックス 464">
          <a:extLst>
            <a:ext uri="{FF2B5EF4-FFF2-40B4-BE49-F238E27FC236}">
              <a16:creationId xmlns:a16="http://schemas.microsoft.com/office/drawing/2014/main" id="{00000000-0008-0000-0600-0000D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普通建設事業費 （ うち更新整備　）グラフ枠">
          <a:extLst>
            <a:ext uri="{FF2B5EF4-FFF2-40B4-BE49-F238E27FC236}">
              <a16:creationId xmlns:a16="http://schemas.microsoft.com/office/drawing/2014/main" id="{00000000-0008-0000-0600-0000D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67089</xdr:rowOff>
    </xdr:from>
    <xdr:to>
      <xdr:col>54</xdr:col>
      <xdr:colOff>189865</xdr:colOff>
      <xdr:row>98</xdr:row>
      <xdr:rowOff>107082</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10475595" y="15597589"/>
          <a:ext cx="1270" cy="13115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10909</xdr:rowOff>
    </xdr:from>
    <xdr:ext cx="534377" cy="259045"/>
    <xdr:sp macro="" textlink="">
      <xdr:nvSpPr>
        <xdr:cNvPr id="468" name="普通建設事業費 （ うち更新整備　）最小値テキスト">
          <a:extLst>
            <a:ext uri="{FF2B5EF4-FFF2-40B4-BE49-F238E27FC236}">
              <a16:creationId xmlns:a16="http://schemas.microsoft.com/office/drawing/2014/main" id="{00000000-0008-0000-0600-0000D4010000}"/>
            </a:ext>
          </a:extLst>
        </xdr:cNvPr>
        <xdr:cNvSpPr txBox="1"/>
      </xdr:nvSpPr>
      <xdr:spPr>
        <a:xfrm>
          <a:off x="10528300" y="1691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2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07082</xdr:rowOff>
    </xdr:from>
    <xdr:to>
      <xdr:col>55</xdr:col>
      <xdr:colOff>88900</xdr:colOff>
      <xdr:row>98</xdr:row>
      <xdr:rowOff>107082</xdr:rowOff>
    </xdr:to>
    <xdr:cxnSp macro="">
      <xdr:nvCxnSpPr>
        <xdr:cNvPr id="469" name="直線コネクタ 468">
          <a:extLst>
            <a:ext uri="{FF2B5EF4-FFF2-40B4-BE49-F238E27FC236}">
              <a16:creationId xmlns:a16="http://schemas.microsoft.com/office/drawing/2014/main" id="{00000000-0008-0000-0600-0000D5010000}"/>
            </a:ext>
          </a:extLst>
        </xdr:cNvPr>
        <xdr:cNvCxnSpPr/>
      </xdr:nvCxnSpPr>
      <xdr:spPr>
        <a:xfrm>
          <a:off x="10388600" y="169091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13766</xdr:rowOff>
    </xdr:from>
    <xdr:ext cx="599010" cy="259045"/>
    <xdr:sp macro="" textlink="">
      <xdr:nvSpPr>
        <xdr:cNvPr id="470" name="普通建設事業費 （ うち更新整備　）最大値テキスト">
          <a:extLst>
            <a:ext uri="{FF2B5EF4-FFF2-40B4-BE49-F238E27FC236}">
              <a16:creationId xmlns:a16="http://schemas.microsoft.com/office/drawing/2014/main" id="{00000000-0008-0000-0600-0000D6010000}"/>
            </a:ext>
          </a:extLst>
        </xdr:cNvPr>
        <xdr:cNvSpPr txBox="1"/>
      </xdr:nvSpPr>
      <xdr:spPr>
        <a:xfrm>
          <a:off x="10528300" y="1537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67089</xdr:rowOff>
    </xdr:from>
    <xdr:to>
      <xdr:col>55</xdr:col>
      <xdr:colOff>88900</xdr:colOff>
      <xdr:row>90</xdr:row>
      <xdr:rowOff>167089</xdr:rowOff>
    </xdr:to>
    <xdr:cxnSp macro="">
      <xdr:nvCxnSpPr>
        <xdr:cNvPr id="471" name="直線コネクタ 470">
          <a:extLst>
            <a:ext uri="{FF2B5EF4-FFF2-40B4-BE49-F238E27FC236}">
              <a16:creationId xmlns:a16="http://schemas.microsoft.com/office/drawing/2014/main" id="{00000000-0008-0000-0600-0000D7010000}"/>
            </a:ext>
          </a:extLst>
        </xdr:cNvPr>
        <xdr:cNvCxnSpPr/>
      </xdr:nvCxnSpPr>
      <xdr:spPr>
        <a:xfrm>
          <a:off x="10388600" y="1559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07082</xdr:rowOff>
    </xdr:from>
    <xdr:to>
      <xdr:col>55</xdr:col>
      <xdr:colOff>0</xdr:colOff>
      <xdr:row>98</xdr:row>
      <xdr:rowOff>121427</xdr:rowOff>
    </xdr:to>
    <xdr:cxnSp macro="">
      <xdr:nvCxnSpPr>
        <xdr:cNvPr id="472" name="直線コネクタ 471">
          <a:extLst>
            <a:ext uri="{FF2B5EF4-FFF2-40B4-BE49-F238E27FC236}">
              <a16:creationId xmlns:a16="http://schemas.microsoft.com/office/drawing/2014/main" id="{00000000-0008-0000-0600-0000D8010000}"/>
            </a:ext>
          </a:extLst>
        </xdr:cNvPr>
        <xdr:cNvCxnSpPr/>
      </xdr:nvCxnSpPr>
      <xdr:spPr>
        <a:xfrm flipV="1">
          <a:off x="9639300" y="16909182"/>
          <a:ext cx="838200" cy="14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4512</xdr:rowOff>
    </xdr:from>
    <xdr:ext cx="534377" cy="259045"/>
    <xdr:sp macro="" textlink="">
      <xdr:nvSpPr>
        <xdr:cNvPr id="473" name="普通建設事業費 （ うち更新整備　）平均値テキスト">
          <a:extLst>
            <a:ext uri="{FF2B5EF4-FFF2-40B4-BE49-F238E27FC236}">
              <a16:creationId xmlns:a16="http://schemas.microsoft.com/office/drawing/2014/main" id="{00000000-0008-0000-0600-0000D9010000}"/>
            </a:ext>
          </a:extLst>
        </xdr:cNvPr>
        <xdr:cNvSpPr txBox="1"/>
      </xdr:nvSpPr>
      <xdr:spPr>
        <a:xfrm>
          <a:off x="10528300" y="1651371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1635</xdr:rowOff>
    </xdr:from>
    <xdr:to>
      <xdr:col>55</xdr:col>
      <xdr:colOff>50800</xdr:colOff>
      <xdr:row>97</xdr:row>
      <xdr:rowOff>133235</xdr:rowOff>
    </xdr:to>
    <xdr:sp macro="" textlink="">
      <xdr:nvSpPr>
        <xdr:cNvPr id="474" name="フローチャート: 判断 473">
          <a:extLst>
            <a:ext uri="{FF2B5EF4-FFF2-40B4-BE49-F238E27FC236}">
              <a16:creationId xmlns:a16="http://schemas.microsoft.com/office/drawing/2014/main" id="{00000000-0008-0000-0600-0000DA010000}"/>
            </a:ext>
          </a:extLst>
        </xdr:cNvPr>
        <xdr:cNvSpPr/>
      </xdr:nvSpPr>
      <xdr:spPr>
        <a:xfrm>
          <a:off x="10426700" y="16662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21427</xdr:rowOff>
    </xdr:from>
    <xdr:to>
      <xdr:col>50</xdr:col>
      <xdr:colOff>114300</xdr:colOff>
      <xdr:row>98</xdr:row>
      <xdr:rowOff>168418</xdr:rowOff>
    </xdr:to>
    <xdr:cxnSp macro="">
      <xdr:nvCxnSpPr>
        <xdr:cNvPr id="475" name="直線コネクタ 474">
          <a:extLst>
            <a:ext uri="{FF2B5EF4-FFF2-40B4-BE49-F238E27FC236}">
              <a16:creationId xmlns:a16="http://schemas.microsoft.com/office/drawing/2014/main" id="{00000000-0008-0000-0600-0000DB010000}"/>
            </a:ext>
          </a:extLst>
        </xdr:cNvPr>
        <xdr:cNvCxnSpPr/>
      </xdr:nvCxnSpPr>
      <xdr:spPr>
        <a:xfrm flipV="1">
          <a:off x="8750300" y="16923527"/>
          <a:ext cx="889000" cy="469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1794</xdr:rowOff>
    </xdr:from>
    <xdr:to>
      <xdr:col>50</xdr:col>
      <xdr:colOff>165100</xdr:colOff>
      <xdr:row>97</xdr:row>
      <xdr:rowOff>143394</xdr:rowOff>
    </xdr:to>
    <xdr:sp macro="" textlink="">
      <xdr:nvSpPr>
        <xdr:cNvPr id="476" name="フローチャート: 判断 475">
          <a:extLst>
            <a:ext uri="{FF2B5EF4-FFF2-40B4-BE49-F238E27FC236}">
              <a16:creationId xmlns:a16="http://schemas.microsoft.com/office/drawing/2014/main" id="{00000000-0008-0000-0600-0000DC010000}"/>
            </a:ext>
          </a:extLst>
        </xdr:cNvPr>
        <xdr:cNvSpPr/>
      </xdr:nvSpPr>
      <xdr:spPr>
        <a:xfrm>
          <a:off x="9588500" y="16672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59921</xdr:rowOff>
    </xdr:from>
    <xdr:ext cx="534377"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72111" y="16447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67033</xdr:rowOff>
    </xdr:from>
    <xdr:to>
      <xdr:col>45</xdr:col>
      <xdr:colOff>177800</xdr:colOff>
      <xdr:row>98</xdr:row>
      <xdr:rowOff>168418</xdr:rowOff>
    </xdr:to>
    <xdr:cxnSp macro="">
      <xdr:nvCxnSpPr>
        <xdr:cNvPr id="478" name="直線コネクタ 477">
          <a:extLst>
            <a:ext uri="{FF2B5EF4-FFF2-40B4-BE49-F238E27FC236}">
              <a16:creationId xmlns:a16="http://schemas.microsoft.com/office/drawing/2014/main" id="{00000000-0008-0000-0600-0000DE010000}"/>
            </a:ext>
          </a:extLst>
        </xdr:cNvPr>
        <xdr:cNvCxnSpPr/>
      </xdr:nvCxnSpPr>
      <xdr:spPr>
        <a:xfrm>
          <a:off x="7861300" y="16869133"/>
          <a:ext cx="889000" cy="101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02930</xdr:rowOff>
    </xdr:from>
    <xdr:to>
      <xdr:col>46</xdr:col>
      <xdr:colOff>38100</xdr:colOff>
      <xdr:row>98</xdr:row>
      <xdr:rowOff>33080</xdr:rowOff>
    </xdr:to>
    <xdr:sp macro="" textlink="">
      <xdr:nvSpPr>
        <xdr:cNvPr id="479" name="フローチャート: 判断 478">
          <a:extLst>
            <a:ext uri="{FF2B5EF4-FFF2-40B4-BE49-F238E27FC236}">
              <a16:creationId xmlns:a16="http://schemas.microsoft.com/office/drawing/2014/main" id="{00000000-0008-0000-0600-0000DF010000}"/>
            </a:ext>
          </a:extLst>
        </xdr:cNvPr>
        <xdr:cNvSpPr/>
      </xdr:nvSpPr>
      <xdr:spPr>
        <a:xfrm>
          <a:off x="8699500" y="1673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9607</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8483111" y="16508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7033</xdr:rowOff>
    </xdr:from>
    <xdr:to>
      <xdr:col>41</xdr:col>
      <xdr:colOff>50800</xdr:colOff>
      <xdr:row>98</xdr:row>
      <xdr:rowOff>103910</xdr:rowOff>
    </xdr:to>
    <xdr:cxnSp macro="">
      <xdr:nvCxnSpPr>
        <xdr:cNvPr id="481" name="直線コネクタ 480">
          <a:extLst>
            <a:ext uri="{FF2B5EF4-FFF2-40B4-BE49-F238E27FC236}">
              <a16:creationId xmlns:a16="http://schemas.microsoft.com/office/drawing/2014/main" id="{00000000-0008-0000-0600-0000E1010000}"/>
            </a:ext>
          </a:extLst>
        </xdr:cNvPr>
        <xdr:cNvCxnSpPr/>
      </xdr:nvCxnSpPr>
      <xdr:spPr>
        <a:xfrm flipV="1">
          <a:off x="6972300" y="16869133"/>
          <a:ext cx="889000" cy="36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82699</xdr:rowOff>
    </xdr:from>
    <xdr:to>
      <xdr:col>41</xdr:col>
      <xdr:colOff>101600</xdr:colOff>
      <xdr:row>98</xdr:row>
      <xdr:rowOff>12849</xdr:rowOff>
    </xdr:to>
    <xdr:sp macro="" textlink="">
      <xdr:nvSpPr>
        <xdr:cNvPr id="482" name="フローチャート: 判断 481">
          <a:extLst>
            <a:ext uri="{FF2B5EF4-FFF2-40B4-BE49-F238E27FC236}">
              <a16:creationId xmlns:a16="http://schemas.microsoft.com/office/drawing/2014/main" id="{00000000-0008-0000-0600-0000E2010000}"/>
            </a:ext>
          </a:extLst>
        </xdr:cNvPr>
        <xdr:cNvSpPr/>
      </xdr:nvSpPr>
      <xdr:spPr>
        <a:xfrm>
          <a:off x="7810500" y="167133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29376</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7594111" y="164885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2318</xdr:rowOff>
    </xdr:from>
    <xdr:to>
      <xdr:col>36</xdr:col>
      <xdr:colOff>165100</xdr:colOff>
      <xdr:row>98</xdr:row>
      <xdr:rowOff>103918</xdr:rowOff>
    </xdr:to>
    <xdr:sp macro="" textlink="">
      <xdr:nvSpPr>
        <xdr:cNvPr id="484" name="フローチャート: 判断 483">
          <a:extLst>
            <a:ext uri="{FF2B5EF4-FFF2-40B4-BE49-F238E27FC236}">
              <a16:creationId xmlns:a16="http://schemas.microsoft.com/office/drawing/2014/main" id="{00000000-0008-0000-0600-0000E4010000}"/>
            </a:ext>
          </a:extLst>
        </xdr:cNvPr>
        <xdr:cNvSpPr/>
      </xdr:nvSpPr>
      <xdr:spPr>
        <a:xfrm>
          <a:off x="6921500" y="16804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120445</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6705111" y="1657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a:extLst>
            <a:ext uri="{FF2B5EF4-FFF2-40B4-BE49-F238E27FC236}">
              <a16:creationId xmlns:a16="http://schemas.microsoft.com/office/drawing/2014/main" id="{00000000-0008-0000-0600-0000E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a:extLst>
            <a:ext uri="{FF2B5EF4-FFF2-40B4-BE49-F238E27FC236}">
              <a16:creationId xmlns:a16="http://schemas.microsoft.com/office/drawing/2014/main" id="{00000000-0008-0000-0600-0000E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a:extLst>
            <a:ext uri="{FF2B5EF4-FFF2-40B4-BE49-F238E27FC236}">
              <a16:creationId xmlns:a16="http://schemas.microsoft.com/office/drawing/2014/main" id="{00000000-0008-0000-0600-0000E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6282</xdr:rowOff>
    </xdr:from>
    <xdr:to>
      <xdr:col>55</xdr:col>
      <xdr:colOff>50800</xdr:colOff>
      <xdr:row>98</xdr:row>
      <xdr:rowOff>157882</xdr:rowOff>
    </xdr:to>
    <xdr:sp macro="" textlink="">
      <xdr:nvSpPr>
        <xdr:cNvPr id="491" name="楕円 490">
          <a:extLst>
            <a:ext uri="{FF2B5EF4-FFF2-40B4-BE49-F238E27FC236}">
              <a16:creationId xmlns:a16="http://schemas.microsoft.com/office/drawing/2014/main" id="{00000000-0008-0000-0600-0000EB010000}"/>
            </a:ext>
          </a:extLst>
        </xdr:cNvPr>
        <xdr:cNvSpPr/>
      </xdr:nvSpPr>
      <xdr:spPr>
        <a:xfrm>
          <a:off x="10426700" y="16858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42659</xdr:rowOff>
    </xdr:from>
    <xdr:ext cx="534377" cy="259045"/>
    <xdr:sp macro="" textlink="">
      <xdr:nvSpPr>
        <xdr:cNvPr id="492" name="普通建設事業費 （ うち更新整備　）該当値テキスト">
          <a:extLst>
            <a:ext uri="{FF2B5EF4-FFF2-40B4-BE49-F238E27FC236}">
              <a16:creationId xmlns:a16="http://schemas.microsoft.com/office/drawing/2014/main" id="{00000000-0008-0000-0600-0000EC010000}"/>
            </a:ext>
          </a:extLst>
        </xdr:cNvPr>
        <xdr:cNvSpPr txBox="1"/>
      </xdr:nvSpPr>
      <xdr:spPr>
        <a:xfrm>
          <a:off x="10528300" y="167733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70627</xdr:rowOff>
    </xdr:from>
    <xdr:to>
      <xdr:col>50</xdr:col>
      <xdr:colOff>165100</xdr:colOff>
      <xdr:row>99</xdr:row>
      <xdr:rowOff>777</xdr:rowOff>
    </xdr:to>
    <xdr:sp macro="" textlink="">
      <xdr:nvSpPr>
        <xdr:cNvPr id="493" name="楕円 492">
          <a:extLst>
            <a:ext uri="{FF2B5EF4-FFF2-40B4-BE49-F238E27FC236}">
              <a16:creationId xmlns:a16="http://schemas.microsoft.com/office/drawing/2014/main" id="{00000000-0008-0000-0600-0000ED010000}"/>
            </a:ext>
          </a:extLst>
        </xdr:cNvPr>
        <xdr:cNvSpPr/>
      </xdr:nvSpPr>
      <xdr:spPr>
        <a:xfrm>
          <a:off x="9588500" y="16872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63354</xdr:rowOff>
    </xdr:from>
    <xdr:ext cx="534377" cy="259045"/>
    <xdr:sp macro="" textlink="">
      <xdr:nvSpPr>
        <xdr:cNvPr id="494" name="テキスト ボックス 493">
          <a:extLst>
            <a:ext uri="{FF2B5EF4-FFF2-40B4-BE49-F238E27FC236}">
              <a16:creationId xmlns:a16="http://schemas.microsoft.com/office/drawing/2014/main" id="{00000000-0008-0000-0600-0000EE010000}"/>
            </a:ext>
          </a:extLst>
        </xdr:cNvPr>
        <xdr:cNvSpPr txBox="1"/>
      </xdr:nvSpPr>
      <xdr:spPr>
        <a:xfrm>
          <a:off x="9372111" y="16965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17618</xdr:rowOff>
    </xdr:from>
    <xdr:to>
      <xdr:col>46</xdr:col>
      <xdr:colOff>38100</xdr:colOff>
      <xdr:row>99</xdr:row>
      <xdr:rowOff>47768</xdr:rowOff>
    </xdr:to>
    <xdr:sp macro="" textlink="">
      <xdr:nvSpPr>
        <xdr:cNvPr id="495" name="楕円 494">
          <a:extLst>
            <a:ext uri="{FF2B5EF4-FFF2-40B4-BE49-F238E27FC236}">
              <a16:creationId xmlns:a16="http://schemas.microsoft.com/office/drawing/2014/main" id="{00000000-0008-0000-0600-0000EF010000}"/>
            </a:ext>
          </a:extLst>
        </xdr:cNvPr>
        <xdr:cNvSpPr/>
      </xdr:nvSpPr>
      <xdr:spPr>
        <a:xfrm>
          <a:off x="8699500" y="169197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38895</xdr:rowOff>
    </xdr:from>
    <xdr:ext cx="469744"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8515428" y="170124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16233</xdr:rowOff>
    </xdr:from>
    <xdr:to>
      <xdr:col>41</xdr:col>
      <xdr:colOff>101600</xdr:colOff>
      <xdr:row>98</xdr:row>
      <xdr:rowOff>117833</xdr:rowOff>
    </xdr:to>
    <xdr:sp macro="" textlink="">
      <xdr:nvSpPr>
        <xdr:cNvPr id="497" name="楕円 496">
          <a:extLst>
            <a:ext uri="{FF2B5EF4-FFF2-40B4-BE49-F238E27FC236}">
              <a16:creationId xmlns:a16="http://schemas.microsoft.com/office/drawing/2014/main" id="{00000000-0008-0000-0600-0000F1010000}"/>
            </a:ext>
          </a:extLst>
        </xdr:cNvPr>
        <xdr:cNvSpPr/>
      </xdr:nvSpPr>
      <xdr:spPr>
        <a:xfrm>
          <a:off x="7810500" y="16818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08960</xdr:rowOff>
    </xdr:from>
    <xdr:ext cx="534377"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7594111" y="16911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53110</xdr:rowOff>
    </xdr:from>
    <xdr:to>
      <xdr:col>36</xdr:col>
      <xdr:colOff>165100</xdr:colOff>
      <xdr:row>98</xdr:row>
      <xdr:rowOff>154710</xdr:rowOff>
    </xdr:to>
    <xdr:sp macro="" textlink="">
      <xdr:nvSpPr>
        <xdr:cNvPr id="499" name="楕円 498">
          <a:extLst>
            <a:ext uri="{FF2B5EF4-FFF2-40B4-BE49-F238E27FC236}">
              <a16:creationId xmlns:a16="http://schemas.microsoft.com/office/drawing/2014/main" id="{00000000-0008-0000-0600-0000F3010000}"/>
            </a:ext>
          </a:extLst>
        </xdr:cNvPr>
        <xdr:cNvSpPr/>
      </xdr:nvSpPr>
      <xdr:spPr>
        <a:xfrm>
          <a:off x="6921500" y="16855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45837</xdr:rowOff>
    </xdr:from>
    <xdr:ext cx="534377"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6705111" y="16947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a:extLst>
            <a:ext uri="{FF2B5EF4-FFF2-40B4-BE49-F238E27FC236}">
              <a16:creationId xmlns:a16="http://schemas.microsoft.com/office/drawing/2014/main" id="{00000000-0008-0000-0600-0000F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a:extLst>
            <a:ext uri="{FF2B5EF4-FFF2-40B4-BE49-F238E27FC236}">
              <a16:creationId xmlns:a16="http://schemas.microsoft.com/office/drawing/2014/main" id="{00000000-0008-0000-0600-0000F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a:extLst>
            <a:ext uri="{FF2B5EF4-FFF2-40B4-BE49-F238E27FC236}">
              <a16:creationId xmlns:a16="http://schemas.microsoft.com/office/drawing/2014/main" id="{00000000-0008-0000-0600-0000F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a:extLst>
            <a:ext uri="{FF2B5EF4-FFF2-40B4-BE49-F238E27FC236}">
              <a16:creationId xmlns:a16="http://schemas.microsoft.com/office/drawing/2014/main" id="{00000000-0008-0000-0600-0000F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a:extLst>
            <a:ext uri="{FF2B5EF4-FFF2-40B4-BE49-F238E27FC236}">
              <a16:creationId xmlns:a16="http://schemas.microsoft.com/office/drawing/2014/main" id="{00000000-0008-0000-0600-0000F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a:extLst>
            <a:ext uri="{FF2B5EF4-FFF2-40B4-BE49-F238E27FC236}">
              <a16:creationId xmlns:a16="http://schemas.microsoft.com/office/drawing/2014/main" id="{00000000-0008-0000-0600-0000F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a:extLst>
            <a:ext uri="{FF2B5EF4-FFF2-40B4-BE49-F238E27FC236}">
              <a16:creationId xmlns:a16="http://schemas.microsoft.com/office/drawing/2014/main" id="{00000000-0008-0000-0600-0000F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12" name="テキスト ボックス 511">
          <a:extLst>
            <a:ext uri="{FF2B5EF4-FFF2-40B4-BE49-F238E27FC236}">
              <a16:creationId xmlns:a16="http://schemas.microsoft.com/office/drawing/2014/main" id="{00000000-0008-0000-0600-00000002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14" name="テキスト ボックス 513">
          <a:extLst>
            <a:ext uri="{FF2B5EF4-FFF2-40B4-BE49-F238E27FC236}">
              <a16:creationId xmlns:a16="http://schemas.microsoft.com/office/drawing/2014/main" id="{00000000-0008-0000-0600-00000202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16" name="テキスト ボックス 515">
          <a:extLst>
            <a:ext uri="{FF2B5EF4-FFF2-40B4-BE49-F238E27FC236}">
              <a16:creationId xmlns:a16="http://schemas.microsoft.com/office/drawing/2014/main" id="{00000000-0008-0000-0600-00000402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20" name="テキスト ボックス 519">
          <a:extLst>
            <a:ext uri="{FF2B5EF4-FFF2-40B4-BE49-F238E27FC236}">
              <a16:creationId xmlns:a16="http://schemas.microsoft.com/office/drawing/2014/main" id="{00000000-0008-0000-0600-000008020000}"/>
            </a:ext>
          </a:extLst>
        </xdr:cNvPr>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1" name="直線コネクタ 520">
          <a:extLst>
            <a:ext uri="{FF2B5EF4-FFF2-40B4-BE49-F238E27FC236}">
              <a16:creationId xmlns:a16="http://schemas.microsoft.com/office/drawing/2014/main" id="{00000000-0008-0000-0600-000009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29</xdr:row>
      <xdr:rowOff>38299</xdr:rowOff>
    </xdr:from>
    <xdr:ext cx="377026"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2068974" y="5010349"/>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27</xdr:row>
      <xdr:rowOff>54627</xdr:rowOff>
    </xdr:from>
    <xdr:ext cx="377026"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2068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5" name="災害復旧事業費グラフ枠">
          <a:extLst>
            <a:ext uri="{FF2B5EF4-FFF2-40B4-BE49-F238E27FC236}">
              <a16:creationId xmlns:a16="http://schemas.microsoft.com/office/drawing/2014/main" id="{00000000-0008-0000-0600-00000D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03777</xdr:rowOff>
    </xdr:from>
    <xdr:to>
      <xdr:col>85</xdr:col>
      <xdr:colOff>126364</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flipV="1">
          <a:off x="16317595" y="5247277"/>
          <a:ext cx="1269" cy="153815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27" name="災害復旧事業費最小値テキスト">
          <a:extLst>
            <a:ext uri="{FF2B5EF4-FFF2-40B4-BE49-F238E27FC236}">
              <a16:creationId xmlns:a16="http://schemas.microsoft.com/office/drawing/2014/main" id="{00000000-0008-0000-0600-00000F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8" name="直線コネクタ 527">
          <a:extLst>
            <a:ext uri="{FF2B5EF4-FFF2-40B4-BE49-F238E27FC236}">
              <a16:creationId xmlns:a16="http://schemas.microsoft.com/office/drawing/2014/main" id="{00000000-0008-0000-0600-000010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50454</xdr:rowOff>
    </xdr:from>
    <xdr:ext cx="378565" cy="259045"/>
    <xdr:sp macro="" textlink="">
      <xdr:nvSpPr>
        <xdr:cNvPr id="529" name="災害復旧事業費最大値テキスト">
          <a:extLst>
            <a:ext uri="{FF2B5EF4-FFF2-40B4-BE49-F238E27FC236}">
              <a16:creationId xmlns:a16="http://schemas.microsoft.com/office/drawing/2014/main" id="{00000000-0008-0000-0600-000011020000}"/>
            </a:ext>
          </a:extLst>
        </xdr:cNvPr>
        <xdr:cNvSpPr txBox="1"/>
      </xdr:nvSpPr>
      <xdr:spPr>
        <a:xfrm>
          <a:off x="16370300" y="5022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03777</xdr:rowOff>
    </xdr:from>
    <xdr:to>
      <xdr:col>86</xdr:col>
      <xdr:colOff>25400</xdr:colOff>
      <xdr:row>30</xdr:row>
      <xdr:rowOff>103777</xdr:rowOff>
    </xdr:to>
    <xdr:cxnSp macro="">
      <xdr:nvCxnSpPr>
        <xdr:cNvPr id="530" name="直線コネクタ 529">
          <a:extLst>
            <a:ext uri="{FF2B5EF4-FFF2-40B4-BE49-F238E27FC236}">
              <a16:creationId xmlns:a16="http://schemas.microsoft.com/office/drawing/2014/main" id="{00000000-0008-0000-0600-000012020000}"/>
            </a:ext>
          </a:extLst>
        </xdr:cNvPr>
        <xdr:cNvCxnSpPr/>
      </xdr:nvCxnSpPr>
      <xdr:spPr>
        <a:xfrm>
          <a:off x="16230600" y="5247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47864</xdr:rowOff>
    </xdr:from>
    <xdr:to>
      <xdr:col>85</xdr:col>
      <xdr:colOff>127000</xdr:colOff>
      <xdr:row>39</xdr:row>
      <xdr:rowOff>98878</xdr:rowOff>
    </xdr:to>
    <xdr:cxnSp macro="">
      <xdr:nvCxnSpPr>
        <xdr:cNvPr id="531" name="直線コネクタ 530">
          <a:extLst>
            <a:ext uri="{FF2B5EF4-FFF2-40B4-BE49-F238E27FC236}">
              <a16:creationId xmlns:a16="http://schemas.microsoft.com/office/drawing/2014/main" id="{00000000-0008-0000-0600-000013020000}"/>
            </a:ext>
          </a:extLst>
        </xdr:cNvPr>
        <xdr:cNvCxnSpPr/>
      </xdr:nvCxnSpPr>
      <xdr:spPr>
        <a:xfrm>
          <a:off x="15481300" y="6491514"/>
          <a:ext cx="8382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56260</xdr:rowOff>
    </xdr:from>
    <xdr:ext cx="313932" cy="259045"/>
    <xdr:sp macro="" textlink="">
      <xdr:nvSpPr>
        <xdr:cNvPr id="532" name="災害復旧事業費平均値テキスト">
          <a:extLst>
            <a:ext uri="{FF2B5EF4-FFF2-40B4-BE49-F238E27FC236}">
              <a16:creationId xmlns:a16="http://schemas.microsoft.com/office/drawing/2014/main" id="{00000000-0008-0000-0600-000014020000}"/>
            </a:ext>
          </a:extLst>
        </xdr:cNvPr>
        <xdr:cNvSpPr txBox="1"/>
      </xdr:nvSpPr>
      <xdr:spPr>
        <a:xfrm>
          <a:off x="16370300" y="639991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33383</xdr:rowOff>
    </xdr:from>
    <xdr:to>
      <xdr:col>85</xdr:col>
      <xdr:colOff>177800</xdr:colOff>
      <xdr:row>38</xdr:row>
      <xdr:rowOff>134983</xdr:rowOff>
    </xdr:to>
    <xdr:sp macro="" textlink="">
      <xdr:nvSpPr>
        <xdr:cNvPr id="533" name="フローチャート: 判断 532">
          <a:extLst>
            <a:ext uri="{FF2B5EF4-FFF2-40B4-BE49-F238E27FC236}">
              <a16:creationId xmlns:a16="http://schemas.microsoft.com/office/drawing/2014/main" id="{00000000-0008-0000-0600-000015020000}"/>
            </a:ext>
          </a:extLst>
        </xdr:cNvPr>
        <xdr:cNvSpPr/>
      </xdr:nvSpPr>
      <xdr:spPr>
        <a:xfrm>
          <a:off x="16268700" y="6548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47864</xdr:rowOff>
    </xdr:from>
    <xdr:to>
      <xdr:col>81</xdr:col>
      <xdr:colOff>50800</xdr:colOff>
      <xdr:row>39</xdr:row>
      <xdr:rowOff>98878</xdr:rowOff>
    </xdr:to>
    <xdr:cxnSp macro="">
      <xdr:nvCxnSpPr>
        <xdr:cNvPr id="534" name="直線コネクタ 533">
          <a:extLst>
            <a:ext uri="{FF2B5EF4-FFF2-40B4-BE49-F238E27FC236}">
              <a16:creationId xmlns:a16="http://schemas.microsoft.com/office/drawing/2014/main" id="{00000000-0008-0000-0600-000016020000}"/>
            </a:ext>
          </a:extLst>
        </xdr:cNvPr>
        <xdr:cNvCxnSpPr/>
      </xdr:nvCxnSpPr>
      <xdr:spPr>
        <a:xfrm flipV="1">
          <a:off x="14592300" y="6491514"/>
          <a:ext cx="889000" cy="293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9</xdr:row>
      <xdr:rowOff>35016</xdr:rowOff>
    </xdr:from>
    <xdr:to>
      <xdr:col>81</xdr:col>
      <xdr:colOff>101600</xdr:colOff>
      <xdr:row>39</xdr:row>
      <xdr:rowOff>136616</xdr:rowOff>
    </xdr:to>
    <xdr:sp macro="" textlink="">
      <xdr:nvSpPr>
        <xdr:cNvPr id="535" name="フローチャート: 判断 534">
          <a:extLst>
            <a:ext uri="{FF2B5EF4-FFF2-40B4-BE49-F238E27FC236}">
              <a16:creationId xmlns:a16="http://schemas.microsoft.com/office/drawing/2014/main" id="{00000000-0008-0000-0600-000017020000}"/>
            </a:ext>
          </a:extLst>
        </xdr:cNvPr>
        <xdr:cNvSpPr/>
      </xdr:nvSpPr>
      <xdr:spPr>
        <a:xfrm>
          <a:off x="15430500" y="6721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27743</xdr:rowOff>
    </xdr:from>
    <xdr:ext cx="249299"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356650" y="68142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37" name="直線コネクタ 536">
          <a:extLst>
            <a:ext uri="{FF2B5EF4-FFF2-40B4-BE49-F238E27FC236}">
              <a16:creationId xmlns:a16="http://schemas.microsoft.com/office/drawing/2014/main" id="{00000000-0008-0000-0600-000019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8078</xdr:rowOff>
    </xdr:from>
    <xdr:to>
      <xdr:col>76</xdr:col>
      <xdr:colOff>165100</xdr:colOff>
      <xdr:row>39</xdr:row>
      <xdr:rowOff>149678</xdr:rowOff>
    </xdr:to>
    <xdr:sp macro="" textlink="">
      <xdr:nvSpPr>
        <xdr:cNvPr id="538" name="フローチャート: 判断 537">
          <a:extLst>
            <a:ext uri="{FF2B5EF4-FFF2-40B4-BE49-F238E27FC236}">
              <a16:creationId xmlns:a16="http://schemas.microsoft.com/office/drawing/2014/main" id="{00000000-0008-0000-0600-00001A020000}"/>
            </a:ext>
          </a:extLst>
        </xdr:cNvPr>
        <xdr:cNvSpPr/>
      </xdr:nvSpPr>
      <xdr:spPr>
        <a:xfrm>
          <a:off x="14541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40" name="直線コネクタ 539">
          <a:extLst>
            <a:ext uri="{FF2B5EF4-FFF2-40B4-BE49-F238E27FC236}">
              <a16:creationId xmlns:a16="http://schemas.microsoft.com/office/drawing/2014/main" id="{00000000-0008-0000-0600-00001C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50949</xdr:rowOff>
    </xdr:from>
    <xdr:to>
      <xdr:col>72</xdr:col>
      <xdr:colOff>38100</xdr:colOff>
      <xdr:row>39</xdr:row>
      <xdr:rowOff>81099</xdr:rowOff>
    </xdr:to>
    <xdr:sp macro="" textlink="">
      <xdr:nvSpPr>
        <xdr:cNvPr id="541" name="フローチャート: 判断 540">
          <a:extLst>
            <a:ext uri="{FF2B5EF4-FFF2-40B4-BE49-F238E27FC236}">
              <a16:creationId xmlns:a16="http://schemas.microsoft.com/office/drawing/2014/main" id="{00000000-0008-0000-0600-00001D020000}"/>
            </a:ext>
          </a:extLst>
        </xdr:cNvPr>
        <xdr:cNvSpPr/>
      </xdr:nvSpPr>
      <xdr:spPr>
        <a:xfrm>
          <a:off x="13652500" y="6666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7</xdr:row>
      <xdr:rowOff>97626</xdr:rowOff>
    </xdr:from>
    <xdr:ext cx="313932"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3546333" y="6441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7277</xdr:rowOff>
    </xdr:from>
    <xdr:to>
      <xdr:col>67</xdr:col>
      <xdr:colOff>101600</xdr:colOff>
      <xdr:row>39</xdr:row>
      <xdr:rowOff>97427</xdr:rowOff>
    </xdr:to>
    <xdr:sp macro="" textlink="">
      <xdr:nvSpPr>
        <xdr:cNvPr id="543" name="フローチャート: 判断 542">
          <a:extLst>
            <a:ext uri="{FF2B5EF4-FFF2-40B4-BE49-F238E27FC236}">
              <a16:creationId xmlns:a16="http://schemas.microsoft.com/office/drawing/2014/main" id="{00000000-0008-0000-0600-00001F020000}"/>
            </a:ext>
          </a:extLst>
        </xdr:cNvPr>
        <xdr:cNvSpPr/>
      </xdr:nvSpPr>
      <xdr:spPr>
        <a:xfrm>
          <a:off x="12763500" y="6682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13954</xdr:rowOff>
    </xdr:from>
    <xdr:ext cx="313932"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2657333" y="64576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5" name="テキスト ボックス 544">
          <a:extLst>
            <a:ext uri="{FF2B5EF4-FFF2-40B4-BE49-F238E27FC236}">
              <a16:creationId xmlns:a16="http://schemas.microsoft.com/office/drawing/2014/main" id="{00000000-0008-0000-0600-00002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7" name="テキスト ボックス 546">
          <a:extLst>
            <a:ext uri="{FF2B5EF4-FFF2-40B4-BE49-F238E27FC236}">
              <a16:creationId xmlns:a16="http://schemas.microsoft.com/office/drawing/2014/main" id="{00000000-0008-0000-0600-00002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9" name="テキスト ボックス 548">
          <a:extLst>
            <a:ext uri="{FF2B5EF4-FFF2-40B4-BE49-F238E27FC236}">
              <a16:creationId xmlns:a16="http://schemas.microsoft.com/office/drawing/2014/main" id="{00000000-0008-0000-0600-00002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50" name="楕円 549">
          <a:extLst>
            <a:ext uri="{FF2B5EF4-FFF2-40B4-BE49-F238E27FC236}">
              <a16:creationId xmlns:a16="http://schemas.microsoft.com/office/drawing/2014/main" id="{00000000-0008-0000-0600-000026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51" name="災害復旧事業費該当値テキスト">
          <a:extLst>
            <a:ext uri="{FF2B5EF4-FFF2-40B4-BE49-F238E27FC236}">
              <a16:creationId xmlns:a16="http://schemas.microsoft.com/office/drawing/2014/main" id="{00000000-0008-0000-0600-000027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97064</xdr:rowOff>
    </xdr:from>
    <xdr:to>
      <xdr:col>81</xdr:col>
      <xdr:colOff>101600</xdr:colOff>
      <xdr:row>38</xdr:row>
      <xdr:rowOff>27214</xdr:rowOff>
    </xdr:to>
    <xdr:sp macro="" textlink="">
      <xdr:nvSpPr>
        <xdr:cNvPr id="552" name="楕円 551">
          <a:extLst>
            <a:ext uri="{FF2B5EF4-FFF2-40B4-BE49-F238E27FC236}">
              <a16:creationId xmlns:a16="http://schemas.microsoft.com/office/drawing/2014/main" id="{00000000-0008-0000-0600-000028020000}"/>
            </a:ext>
          </a:extLst>
        </xdr:cNvPr>
        <xdr:cNvSpPr/>
      </xdr:nvSpPr>
      <xdr:spPr>
        <a:xfrm>
          <a:off x="15430500" y="644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6</xdr:row>
      <xdr:rowOff>43741</xdr:rowOff>
    </xdr:from>
    <xdr:ext cx="313932"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5324333" y="62159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54" name="楕円 553">
          <a:extLst>
            <a:ext uri="{FF2B5EF4-FFF2-40B4-BE49-F238E27FC236}">
              <a16:creationId xmlns:a16="http://schemas.microsoft.com/office/drawing/2014/main" id="{00000000-0008-0000-0600-00002A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66205</xdr:rowOff>
    </xdr:from>
    <xdr:ext cx="249299"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4467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56" name="楕円 555">
          <a:extLst>
            <a:ext uri="{FF2B5EF4-FFF2-40B4-BE49-F238E27FC236}">
              <a16:creationId xmlns:a16="http://schemas.microsoft.com/office/drawing/2014/main" id="{00000000-0008-0000-0600-00002C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8" name="楕円 557">
          <a:extLst>
            <a:ext uri="{FF2B5EF4-FFF2-40B4-BE49-F238E27FC236}">
              <a16:creationId xmlns:a16="http://schemas.microsoft.com/office/drawing/2014/main" id="{00000000-0008-0000-0600-00002E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9" name="テキスト ボックス 558">
          <a:extLst>
            <a:ext uri="{FF2B5EF4-FFF2-40B4-BE49-F238E27FC236}">
              <a16:creationId xmlns:a16="http://schemas.microsoft.com/office/drawing/2014/main" id="{00000000-0008-0000-0600-00002F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0" name="正方形/長方形 559">
          <a:extLst>
            <a:ext uri="{FF2B5EF4-FFF2-40B4-BE49-F238E27FC236}">
              <a16:creationId xmlns:a16="http://schemas.microsoft.com/office/drawing/2014/main" id="{00000000-0008-0000-0600-00003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1" name="正方形/長方形 560">
          <a:extLst>
            <a:ext uri="{FF2B5EF4-FFF2-40B4-BE49-F238E27FC236}">
              <a16:creationId xmlns:a16="http://schemas.microsoft.com/office/drawing/2014/main" id="{00000000-0008-0000-0600-00003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2" name="正方形/長方形 561">
          <a:extLst>
            <a:ext uri="{FF2B5EF4-FFF2-40B4-BE49-F238E27FC236}">
              <a16:creationId xmlns:a16="http://schemas.microsoft.com/office/drawing/2014/main" id="{00000000-0008-0000-0600-00003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3" name="正方形/長方形 562">
          <a:extLst>
            <a:ext uri="{FF2B5EF4-FFF2-40B4-BE49-F238E27FC236}">
              <a16:creationId xmlns:a16="http://schemas.microsoft.com/office/drawing/2014/main" id="{00000000-0008-0000-0600-00003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4" name="正方形/長方形 563">
          <a:extLst>
            <a:ext uri="{FF2B5EF4-FFF2-40B4-BE49-F238E27FC236}">
              <a16:creationId xmlns:a16="http://schemas.microsoft.com/office/drawing/2014/main" id="{00000000-0008-0000-0600-00003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5" name="正方形/長方形 564">
          <a:extLst>
            <a:ext uri="{FF2B5EF4-FFF2-40B4-BE49-F238E27FC236}">
              <a16:creationId xmlns:a16="http://schemas.microsoft.com/office/drawing/2014/main" id="{00000000-0008-0000-0600-00003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6" name="正方形/長方形 565">
          <a:extLst>
            <a:ext uri="{FF2B5EF4-FFF2-40B4-BE49-F238E27FC236}">
              <a16:creationId xmlns:a16="http://schemas.microsoft.com/office/drawing/2014/main" id="{00000000-0008-0000-0600-00003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7" name="正方形/長方形 566">
          <a:extLst>
            <a:ext uri="{FF2B5EF4-FFF2-40B4-BE49-F238E27FC236}">
              <a16:creationId xmlns:a16="http://schemas.microsoft.com/office/drawing/2014/main" id="{00000000-0008-0000-0600-00003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70" name="直線コネクタ 569">
          <a:extLst>
            <a:ext uri="{FF2B5EF4-FFF2-40B4-BE49-F238E27FC236}">
              <a16:creationId xmlns:a16="http://schemas.microsoft.com/office/drawing/2014/main" id="{00000000-0008-0000-0600-00003A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4" name="失業対策事業費グラフ枠">
          <a:extLst>
            <a:ext uri="{FF2B5EF4-FFF2-40B4-BE49-F238E27FC236}">
              <a16:creationId xmlns:a16="http://schemas.microsoft.com/office/drawing/2014/main" id="{00000000-0008-0000-0600-00003E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76" name="失業対策事業費最小値テキスト">
          <a:extLst>
            <a:ext uri="{FF2B5EF4-FFF2-40B4-BE49-F238E27FC236}">
              <a16:creationId xmlns:a16="http://schemas.microsoft.com/office/drawing/2014/main" id="{00000000-0008-0000-0600-000040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7" name="直線コネクタ 576">
          <a:extLst>
            <a:ext uri="{FF2B5EF4-FFF2-40B4-BE49-F238E27FC236}">
              <a16:creationId xmlns:a16="http://schemas.microsoft.com/office/drawing/2014/main" id="{00000000-0008-0000-0600-00004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8" name="失業対策事業費最大値テキスト">
          <a:extLst>
            <a:ext uri="{FF2B5EF4-FFF2-40B4-BE49-F238E27FC236}">
              <a16:creationId xmlns:a16="http://schemas.microsoft.com/office/drawing/2014/main" id="{00000000-0008-0000-0600-000042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9" name="直線コネクタ 578">
          <a:extLst>
            <a:ext uri="{FF2B5EF4-FFF2-40B4-BE49-F238E27FC236}">
              <a16:creationId xmlns:a16="http://schemas.microsoft.com/office/drawing/2014/main" id="{00000000-0008-0000-0600-000043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80" name="直線コネクタ 579">
          <a:extLst>
            <a:ext uri="{FF2B5EF4-FFF2-40B4-BE49-F238E27FC236}">
              <a16:creationId xmlns:a16="http://schemas.microsoft.com/office/drawing/2014/main" id="{00000000-0008-0000-0600-000044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81" name="失業対策事業費平均値テキスト">
          <a:extLst>
            <a:ext uri="{FF2B5EF4-FFF2-40B4-BE49-F238E27FC236}">
              <a16:creationId xmlns:a16="http://schemas.microsoft.com/office/drawing/2014/main" id="{00000000-0008-0000-0600-000045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フローチャート: 判断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83" name="直線コネクタ 582">
          <a:extLst>
            <a:ext uri="{FF2B5EF4-FFF2-40B4-BE49-F238E27FC236}">
              <a16:creationId xmlns:a16="http://schemas.microsoft.com/office/drawing/2014/main" id="{00000000-0008-0000-0600-000047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84" name="フローチャート: 判断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86" name="直線コネクタ 585">
          <a:extLst>
            <a:ext uri="{FF2B5EF4-FFF2-40B4-BE49-F238E27FC236}">
              <a16:creationId xmlns:a16="http://schemas.microsoft.com/office/drawing/2014/main" id="{00000000-0008-0000-0600-00004A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7" name="フローチャート: 判断 586">
          <a:extLst>
            <a:ext uri="{FF2B5EF4-FFF2-40B4-BE49-F238E27FC236}">
              <a16:creationId xmlns:a16="http://schemas.microsoft.com/office/drawing/2014/main" id="{00000000-0008-0000-0600-00004B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9" name="直線コネクタ 588">
          <a:extLst>
            <a:ext uri="{FF2B5EF4-FFF2-40B4-BE49-F238E27FC236}">
              <a16:creationId xmlns:a16="http://schemas.microsoft.com/office/drawing/2014/main" id="{00000000-0008-0000-0600-00004D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90" name="フローチャート: 判断 589">
          <a:extLst>
            <a:ext uri="{FF2B5EF4-FFF2-40B4-BE49-F238E27FC236}">
              <a16:creationId xmlns:a16="http://schemas.microsoft.com/office/drawing/2014/main" id="{00000000-0008-0000-0600-00004E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2" name="フローチャート: 判断 591">
          <a:extLst>
            <a:ext uri="{FF2B5EF4-FFF2-40B4-BE49-F238E27FC236}">
              <a16:creationId xmlns:a16="http://schemas.microsoft.com/office/drawing/2014/main" id="{00000000-0008-0000-0600-000050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600-000052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600-000054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600-000056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9" name="楕円 598">
          <a:extLst>
            <a:ext uri="{FF2B5EF4-FFF2-40B4-BE49-F238E27FC236}">
              <a16:creationId xmlns:a16="http://schemas.microsoft.com/office/drawing/2014/main" id="{00000000-0008-0000-0600-000057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600" name="失業対策事業費該当値テキスト">
          <a:extLst>
            <a:ext uri="{FF2B5EF4-FFF2-40B4-BE49-F238E27FC236}">
              <a16:creationId xmlns:a16="http://schemas.microsoft.com/office/drawing/2014/main" id="{00000000-0008-0000-0600-000058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601" name="楕円 600">
          <a:extLst>
            <a:ext uri="{FF2B5EF4-FFF2-40B4-BE49-F238E27FC236}">
              <a16:creationId xmlns:a16="http://schemas.microsoft.com/office/drawing/2014/main" id="{00000000-0008-0000-0600-000059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603" name="楕円 602">
          <a:extLst>
            <a:ext uri="{FF2B5EF4-FFF2-40B4-BE49-F238E27FC236}">
              <a16:creationId xmlns:a16="http://schemas.microsoft.com/office/drawing/2014/main" id="{00000000-0008-0000-0600-00005B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605" name="楕円 604">
          <a:extLst>
            <a:ext uri="{FF2B5EF4-FFF2-40B4-BE49-F238E27FC236}">
              <a16:creationId xmlns:a16="http://schemas.microsoft.com/office/drawing/2014/main" id="{00000000-0008-0000-0600-00005D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7" name="楕円 606">
          <a:extLst>
            <a:ext uri="{FF2B5EF4-FFF2-40B4-BE49-F238E27FC236}">
              <a16:creationId xmlns:a16="http://schemas.microsoft.com/office/drawing/2014/main" id="{00000000-0008-0000-0600-00005F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9" name="正方形/長方形 608">
          <a:extLst>
            <a:ext uri="{FF2B5EF4-FFF2-40B4-BE49-F238E27FC236}">
              <a16:creationId xmlns:a16="http://schemas.microsoft.com/office/drawing/2014/main" id="{00000000-0008-0000-0600-000061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0" name="正方形/長方形 609">
          <a:extLst>
            <a:ext uri="{FF2B5EF4-FFF2-40B4-BE49-F238E27FC236}">
              <a16:creationId xmlns:a16="http://schemas.microsoft.com/office/drawing/2014/main" id="{00000000-0008-0000-0600-000062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1" name="正方形/長方形 610">
          <a:extLst>
            <a:ext uri="{FF2B5EF4-FFF2-40B4-BE49-F238E27FC236}">
              <a16:creationId xmlns:a16="http://schemas.microsoft.com/office/drawing/2014/main" id="{00000000-0008-0000-0600-000063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2" name="正方形/長方形 611">
          <a:extLst>
            <a:ext uri="{FF2B5EF4-FFF2-40B4-BE49-F238E27FC236}">
              <a16:creationId xmlns:a16="http://schemas.microsoft.com/office/drawing/2014/main" id="{00000000-0008-0000-0600-000064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3" name="正方形/長方形 612">
          <a:extLst>
            <a:ext uri="{FF2B5EF4-FFF2-40B4-BE49-F238E27FC236}">
              <a16:creationId xmlns:a16="http://schemas.microsoft.com/office/drawing/2014/main" id="{00000000-0008-0000-0600-000065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4" name="正方形/長方形 613">
          <a:extLst>
            <a:ext uri="{FF2B5EF4-FFF2-40B4-BE49-F238E27FC236}">
              <a16:creationId xmlns:a16="http://schemas.microsoft.com/office/drawing/2014/main" id="{00000000-0008-0000-0600-000066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5" name="正方形/長方形 614">
          <a:extLst>
            <a:ext uri="{FF2B5EF4-FFF2-40B4-BE49-F238E27FC236}">
              <a16:creationId xmlns:a16="http://schemas.microsoft.com/office/drawing/2014/main" id="{00000000-0008-0000-0600-000067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6" name="正方形/長方形 615">
          <a:extLst>
            <a:ext uri="{FF2B5EF4-FFF2-40B4-BE49-F238E27FC236}">
              <a16:creationId xmlns:a16="http://schemas.microsoft.com/office/drawing/2014/main" id="{00000000-0008-0000-0600-000068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20" name="テキスト ボックス 619">
          <a:extLst>
            <a:ext uri="{FF2B5EF4-FFF2-40B4-BE49-F238E27FC236}">
              <a16:creationId xmlns:a16="http://schemas.microsoft.com/office/drawing/2014/main" id="{00000000-0008-0000-0600-00006C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22" name="テキスト ボックス 621">
          <a:extLst>
            <a:ext uri="{FF2B5EF4-FFF2-40B4-BE49-F238E27FC236}">
              <a16:creationId xmlns:a16="http://schemas.microsoft.com/office/drawing/2014/main" id="{00000000-0008-0000-0600-00006E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6" name="テキスト ボックス 625">
          <a:extLst>
            <a:ext uri="{FF2B5EF4-FFF2-40B4-BE49-F238E27FC236}">
              <a16:creationId xmlns:a16="http://schemas.microsoft.com/office/drawing/2014/main" id="{00000000-0008-0000-0600-000072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7" name="直線コネクタ 626">
          <a:extLst>
            <a:ext uri="{FF2B5EF4-FFF2-40B4-BE49-F238E27FC236}">
              <a16:creationId xmlns:a16="http://schemas.microsoft.com/office/drawing/2014/main" id="{00000000-0008-0000-0600-000073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1" name="公債費グラフ枠">
          <a:extLst>
            <a:ext uri="{FF2B5EF4-FFF2-40B4-BE49-F238E27FC236}">
              <a16:creationId xmlns:a16="http://schemas.microsoft.com/office/drawing/2014/main" id="{00000000-0008-0000-0600-000077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397</xdr:rowOff>
    </xdr:from>
    <xdr:to>
      <xdr:col>85</xdr:col>
      <xdr:colOff>126364</xdr:colOff>
      <xdr:row>78</xdr:row>
      <xdr:rowOff>147625</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flipV="1">
          <a:off x="16317595" y="12174347"/>
          <a:ext cx="1269" cy="13463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51452</xdr:rowOff>
    </xdr:from>
    <xdr:ext cx="378565" cy="259045"/>
    <xdr:sp macro="" textlink="">
      <xdr:nvSpPr>
        <xdr:cNvPr id="633" name="公債費最小値テキスト">
          <a:extLst>
            <a:ext uri="{FF2B5EF4-FFF2-40B4-BE49-F238E27FC236}">
              <a16:creationId xmlns:a16="http://schemas.microsoft.com/office/drawing/2014/main" id="{00000000-0008-0000-0600-000079020000}"/>
            </a:ext>
          </a:extLst>
        </xdr:cNvPr>
        <xdr:cNvSpPr txBox="1"/>
      </xdr:nvSpPr>
      <xdr:spPr>
        <a:xfrm>
          <a:off x="16370300" y="13524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47625</xdr:rowOff>
    </xdr:from>
    <xdr:to>
      <xdr:col>86</xdr:col>
      <xdr:colOff>25400</xdr:colOff>
      <xdr:row>78</xdr:row>
      <xdr:rowOff>147625</xdr:rowOff>
    </xdr:to>
    <xdr:cxnSp macro="">
      <xdr:nvCxnSpPr>
        <xdr:cNvPr id="634" name="直線コネクタ 633">
          <a:extLst>
            <a:ext uri="{FF2B5EF4-FFF2-40B4-BE49-F238E27FC236}">
              <a16:creationId xmlns:a16="http://schemas.microsoft.com/office/drawing/2014/main" id="{00000000-0008-0000-0600-00007A020000}"/>
            </a:ext>
          </a:extLst>
        </xdr:cNvPr>
        <xdr:cNvCxnSpPr/>
      </xdr:nvCxnSpPr>
      <xdr:spPr>
        <a:xfrm>
          <a:off x="16230600" y="13520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19524</xdr:rowOff>
    </xdr:from>
    <xdr:ext cx="534377" cy="259045"/>
    <xdr:sp macro="" textlink="">
      <xdr:nvSpPr>
        <xdr:cNvPr id="635" name="公債費最大値テキスト">
          <a:extLst>
            <a:ext uri="{FF2B5EF4-FFF2-40B4-BE49-F238E27FC236}">
              <a16:creationId xmlns:a16="http://schemas.microsoft.com/office/drawing/2014/main" id="{00000000-0008-0000-0600-00007B020000}"/>
            </a:ext>
          </a:extLst>
        </xdr:cNvPr>
        <xdr:cNvSpPr txBox="1"/>
      </xdr:nvSpPr>
      <xdr:spPr>
        <a:xfrm>
          <a:off x="16370300" y="11949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5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397</xdr:rowOff>
    </xdr:from>
    <xdr:to>
      <xdr:col>86</xdr:col>
      <xdr:colOff>25400</xdr:colOff>
      <xdr:row>71</xdr:row>
      <xdr:rowOff>1397</xdr:rowOff>
    </xdr:to>
    <xdr:cxnSp macro="">
      <xdr:nvCxnSpPr>
        <xdr:cNvPr id="636" name="直線コネクタ 635">
          <a:extLst>
            <a:ext uri="{FF2B5EF4-FFF2-40B4-BE49-F238E27FC236}">
              <a16:creationId xmlns:a16="http://schemas.microsoft.com/office/drawing/2014/main" id="{00000000-0008-0000-0600-00007C020000}"/>
            </a:ext>
          </a:extLst>
        </xdr:cNvPr>
        <xdr:cNvCxnSpPr/>
      </xdr:nvCxnSpPr>
      <xdr:spPr>
        <a:xfrm>
          <a:off x="16230600" y="121743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61213</xdr:rowOff>
    </xdr:from>
    <xdr:to>
      <xdr:col>85</xdr:col>
      <xdr:colOff>127000</xdr:colOff>
      <xdr:row>76</xdr:row>
      <xdr:rowOff>109601</xdr:rowOff>
    </xdr:to>
    <xdr:cxnSp macro="">
      <xdr:nvCxnSpPr>
        <xdr:cNvPr id="637" name="直線コネクタ 636">
          <a:extLst>
            <a:ext uri="{FF2B5EF4-FFF2-40B4-BE49-F238E27FC236}">
              <a16:creationId xmlns:a16="http://schemas.microsoft.com/office/drawing/2014/main" id="{00000000-0008-0000-0600-00007D020000}"/>
            </a:ext>
          </a:extLst>
        </xdr:cNvPr>
        <xdr:cNvCxnSpPr/>
      </xdr:nvCxnSpPr>
      <xdr:spPr>
        <a:xfrm flipV="1">
          <a:off x="15481300" y="13091413"/>
          <a:ext cx="838200" cy="48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53001</xdr:rowOff>
    </xdr:from>
    <xdr:ext cx="469744" cy="259045"/>
    <xdr:sp macro="" textlink="">
      <xdr:nvSpPr>
        <xdr:cNvPr id="638" name="公債費平均値テキスト">
          <a:extLst>
            <a:ext uri="{FF2B5EF4-FFF2-40B4-BE49-F238E27FC236}">
              <a16:creationId xmlns:a16="http://schemas.microsoft.com/office/drawing/2014/main" id="{00000000-0008-0000-0600-00007E020000}"/>
            </a:ext>
          </a:extLst>
        </xdr:cNvPr>
        <xdr:cNvSpPr txBox="1"/>
      </xdr:nvSpPr>
      <xdr:spPr>
        <a:xfrm>
          <a:off x="16370300" y="12840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30124</xdr:rowOff>
    </xdr:from>
    <xdr:to>
      <xdr:col>85</xdr:col>
      <xdr:colOff>177800</xdr:colOff>
      <xdr:row>76</xdr:row>
      <xdr:rowOff>60274</xdr:rowOff>
    </xdr:to>
    <xdr:sp macro="" textlink="">
      <xdr:nvSpPr>
        <xdr:cNvPr id="639" name="フローチャート: 判断 638">
          <a:extLst>
            <a:ext uri="{FF2B5EF4-FFF2-40B4-BE49-F238E27FC236}">
              <a16:creationId xmlns:a16="http://schemas.microsoft.com/office/drawing/2014/main" id="{00000000-0008-0000-0600-00007F020000}"/>
            </a:ext>
          </a:extLst>
        </xdr:cNvPr>
        <xdr:cNvSpPr/>
      </xdr:nvSpPr>
      <xdr:spPr>
        <a:xfrm>
          <a:off x="16268700" y="12988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54814</xdr:rowOff>
    </xdr:from>
    <xdr:to>
      <xdr:col>81</xdr:col>
      <xdr:colOff>50800</xdr:colOff>
      <xdr:row>76</xdr:row>
      <xdr:rowOff>109601</xdr:rowOff>
    </xdr:to>
    <xdr:cxnSp macro="">
      <xdr:nvCxnSpPr>
        <xdr:cNvPr id="640" name="直線コネクタ 639">
          <a:extLst>
            <a:ext uri="{FF2B5EF4-FFF2-40B4-BE49-F238E27FC236}">
              <a16:creationId xmlns:a16="http://schemas.microsoft.com/office/drawing/2014/main" id="{00000000-0008-0000-0600-000080020000}"/>
            </a:ext>
          </a:extLst>
        </xdr:cNvPr>
        <xdr:cNvCxnSpPr/>
      </xdr:nvCxnSpPr>
      <xdr:spPr>
        <a:xfrm>
          <a:off x="14592300" y="13085014"/>
          <a:ext cx="889000" cy="54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41732</xdr:rowOff>
    </xdr:from>
    <xdr:to>
      <xdr:col>81</xdr:col>
      <xdr:colOff>101600</xdr:colOff>
      <xdr:row>76</xdr:row>
      <xdr:rowOff>143332</xdr:rowOff>
    </xdr:to>
    <xdr:sp macro="" textlink="">
      <xdr:nvSpPr>
        <xdr:cNvPr id="641" name="フローチャート: 判断 640">
          <a:extLst>
            <a:ext uri="{FF2B5EF4-FFF2-40B4-BE49-F238E27FC236}">
              <a16:creationId xmlns:a16="http://schemas.microsoft.com/office/drawing/2014/main" id="{00000000-0008-0000-0600-000081020000}"/>
            </a:ext>
          </a:extLst>
        </xdr:cNvPr>
        <xdr:cNvSpPr/>
      </xdr:nvSpPr>
      <xdr:spPr>
        <a:xfrm>
          <a:off x="15430500" y="13071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4</xdr:row>
      <xdr:rowOff>159859</xdr:rowOff>
    </xdr:from>
    <xdr:ext cx="469744"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46428" y="128471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79654</xdr:rowOff>
    </xdr:from>
    <xdr:to>
      <xdr:col>76</xdr:col>
      <xdr:colOff>114300</xdr:colOff>
      <xdr:row>76</xdr:row>
      <xdr:rowOff>54814</xdr:rowOff>
    </xdr:to>
    <xdr:cxnSp macro="">
      <xdr:nvCxnSpPr>
        <xdr:cNvPr id="643" name="直線コネクタ 642">
          <a:extLst>
            <a:ext uri="{FF2B5EF4-FFF2-40B4-BE49-F238E27FC236}">
              <a16:creationId xmlns:a16="http://schemas.microsoft.com/office/drawing/2014/main" id="{00000000-0008-0000-0600-000083020000}"/>
            </a:ext>
          </a:extLst>
        </xdr:cNvPr>
        <xdr:cNvCxnSpPr/>
      </xdr:nvCxnSpPr>
      <xdr:spPr>
        <a:xfrm>
          <a:off x="13703300" y="12938404"/>
          <a:ext cx="889000" cy="1466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12064</xdr:rowOff>
    </xdr:from>
    <xdr:to>
      <xdr:col>76</xdr:col>
      <xdr:colOff>165100</xdr:colOff>
      <xdr:row>76</xdr:row>
      <xdr:rowOff>42214</xdr:rowOff>
    </xdr:to>
    <xdr:sp macro="" textlink="">
      <xdr:nvSpPr>
        <xdr:cNvPr id="644" name="フローチャート: 判断 643">
          <a:extLst>
            <a:ext uri="{FF2B5EF4-FFF2-40B4-BE49-F238E27FC236}">
              <a16:creationId xmlns:a16="http://schemas.microsoft.com/office/drawing/2014/main" id="{00000000-0008-0000-0600-000084020000}"/>
            </a:ext>
          </a:extLst>
        </xdr:cNvPr>
        <xdr:cNvSpPr/>
      </xdr:nvSpPr>
      <xdr:spPr>
        <a:xfrm>
          <a:off x="14541500" y="12970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4</xdr:row>
      <xdr:rowOff>58741</xdr:rowOff>
    </xdr:from>
    <xdr:ext cx="469744"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4357428" y="12746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79654</xdr:rowOff>
    </xdr:from>
    <xdr:to>
      <xdr:col>71</xdr:col>
      <xdr:colOff>177800</xdr:colOff>
      <xdr:row>76</xdr:row>
      <xdr:rowOff>5817</xdr:rowOff>
    </xdr:to>
    <xdr:cxnSp macro="">
      <xdr:nvCxnSpPr>
        <xdr:cNvPr id="646" name="直線コネクタ 645">
          <a:extLst>
            <a:ext uri="{FF2B5EF4-FFF2-40B4-BE49-F238E27FC236}">
              <a16:creationId xmlns:a16="http://schemas.microsoft.com/office/drawing/2014/main" id="{00000000-0008-0000-0600-000086020000}"/>
            </a:ext>
          </a:extLst>
        </xdr:cNvPr>
        <xdr:cNvCxnSpPr/>
      </xdr:nvCxnSpPr>
      <xdr:spPr>
        <a:xfrm flipV="1">
          <a:off x="12814300" y="12938404"/>
          <a:ext cx="889000" cy="97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01702</xdr:rowOff>
    </xdr:from>
    <xdr:to>
      <xdr:col>72</xdr:col>
      <xdr:colOff>38100</xdr:colOff>
      <xdr:row>76</xdr:row>
      <xdr:rowOff>31852</xdr:rowOff>
    </xdr:to>
    <xdr:sp macro="" textlink="">
      <xdr:nvSpPr>
        <xdr:cNvPr id="647" name="フローチャート: 判断 646">
          <a:extLst>
            <a:ext uri="{FF2B5EF4-FFF2-40B4-BE49-F238E27FC236}">
              <a16:creationId xmlns:a16="http://schemas.microsoft.com/office/drawing/2014/main" id="{00000000-0008-0000-0600-000087020000}"/>
            </a:ext>
          </a:extLst>
        </xdr:cNvPr>
        <xdr:cNvSpPr/>
      </xdr:nvSpPr>
      <xdr:spPr>
        <a:xfrm>
          <a:off x="13652500" y="12960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22979</xdr:rowOff>
    </xdr:from>
    <xdr:ext cx="469744"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3468428" y="130531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20828</xdr:rowOff>
    </xdr:from>
    <xdr:to>
      <xdr:col>67</xdr:col>
      <xdr:colOff>101600</xdr:colOff>
      <xdr:row>75</xdr:row>
      <xdr:rowOff>50978</xdr:rowOff>
    </xdr:to>
    <xdr:sp macro="" textlink="">
      <xdr:nvSpPr>
        <xdr:cNvPr id="649" name="フローチャート: 判断 648">
          <a:extLst>
            <a:ext uri="{FF2B5EF4-FFF2-40B4-BE49-F238E27FC236}">
              <a16:creationId xmlns:a16="http://schemas.microsoft.com/office/drawing/2014/main" id="{00000000-0008-0000-0600-000089020000}"/>
            </a:ext>
          </a:extLst>
        </xdr:cNvPr>
        <xdr:cNvSpPr/>
      </xdr:nvSpPr>
      <xdr:spPr>
        <a:xfrm>
          <a:off x="12763500" y="12808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3</xdr:row>
      <xdr:rowOff>67505</xdr:rowOff>
    </xdr:from>
    <xdr:ext cx="469744"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2579428" y="12583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600-00008B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600-00008D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600-00008F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0413</xdr:rowOff>
    </xdr:from>
    <xdr:to>
      <xdr:col>85</xdr:col>
      <xdr:colOff>177800</xdr:colOff>
      <xdr:row>76</xdr:row>
      <xdr:rowOff>112013</xdr:rowOff>
    </xdr:to>
    <xdr:sp macro="" textlink="">
      <xdr:nvSpPr>
        <xdr:cNvPr id="656" name="楕円 655">
          <a:extLst>
            <a:ext uri="{FF2B5EF4-FFF2-40B4-BE49-F238E27FC236}">
              <a16:creationId xmlns:a16="http://schemas.microsoft.com/office/drawing/2014/main" id="{00000000-0008-0000-0600-000090020000}"/>
            </a:ext>
          </a:extLst>
        </xdr:cNvPr>
        <xdr:cNvSpPr/>
      </xdr:nvSpPr>
      <xdr:spPr>
        <a:xfrm>
          <a:off x="16268700" y="13040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60290</xdr:rowOff>
    </xdr:from>
    <xdr:ext cx="469744" cy="259045"/>
    <xdr:sp macro="" textlink="">
      <xdr:nvSpPr>
        <xdr:cNvPr id="657" name="公債費該当値テキスト">
          <a:extLst>
            <a:ext uri="{FF2B5EF4-FFF2-40B4-BE49-F238E27FC236}">
              <a16:creationId xmlns:a16="http://schemas.microsoft.com/office/drawing/2014/main" id="{00000000-0008-0000-0600-000091020000}"/>
            </a:ext>
          </a:extLst>
        </xdr:cNvPr>
        <xdr:cNvSpPr txBox="1"/>
      </xdr:nvSpPr>
      <xdr:spPr>
        <a:xfrm>
          <a:off x="16370300" y="13019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58801</xdr:rowOff>
    </xdr:from>
    <xdr:to>
      <xdr:col>81</xdr:col>
      <xdr:colOff>101600</xdr:colOff>
      <xdr:row>76</xdr:row>
      <xdr:rowOff>160401</xdr:rowOff>
    </xdr:to>
    <xdr:sp macro="" textlink="">
      <xdr:nvSpPr>
        <xdr:cNvPr id="658" name="楕円 657">
          <a:extLst>
            <a:ext uri="{FF2B5EF4-FFF2-40B4-BE49-F238E27FC236}">
              <a16:creationId xmlns:a16="http://schemas.microsoft.com/office/drawing/2014/main" id="{00000000-0008-0000-0600-000092020000}"/>
            </a:ext>
          </a:extLst>
        </xdr:cNvPr>
        <xdr:cNvSpPr/>
      </xdr:nvSpPr>
      <xdr:spPr>
        <a:xfrm>
          <a:off x="15430500" y="13089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28</xdr:rowOff>
    </xdr:from>
    <xdr:ext cx="469744"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5246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4014</xdr:rowOff>
    </xdr:from>
    <xdr:to>
      <xdr:col>76</xdr:col>
      <xdr:colOff>165100</xdr:colOff>
      <xdr:row>76</xdr:row>
      <xdr:rowOff>105614</xdr:rowOff>
    </xdr:to>
    <xdr:sp macro="" textlink="">
      <xdr:nvSpPr>
        <xdr:cNvPr id="660" name="楕円 659">
          <a:extLst>
            <a:ext uri="{FF2B5EF4-FFF2-40B4-BE49-F238E27FC236}">
              <a16:creationId xmlns:a16="http://schemas.microsoft.com/office/drawing/2014/main" id="{00000000-0008-0000-0600-000094020000}"/>
            </a:ext>
          </a:extLst>
        </xdr:cNvPr>
        <xdr:cNvSpPr/>
      </xdr:nvSpPr>
      <xdr:spPr>
        <a:xfrm>
          <a:off x="14541500" y="13034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96741</xdr:rowOff>
    </xdr:from>
    <xdr:ext cx="469744"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4357428" y="13126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28854</xdr:rowOff>
    </xdr:from>
    <xdr:to>
      <xdr:col>72</xdr:col>
      <xdr:colOff>38100</xdr:colOff>
      <xdr:row>75</xdr:row>
      <xdr:rowOff>130454</xdr:rowOff>
    </xdr:to>
    <xdr:sp macro="" textlink="">
      <xdr:nvSpPr>
        <xdr:cNvPr id="662" name="楕円 661">
          <a:extLst>
            <a:ext uri="{FF2B5EF4-FFF2-40B4-BE49-F238E27FC236}">
              <a16:creationId xmlns:a16="http://schemas.microsoft.com/office/drawing/2014/main" id="{00000000-0008-0000-0600-000096020000}"/>
            </a:ext>
          </a:extLst>
        </xdr:cNvPr>
        <xdr:cNvSpPr/>
      </xdr:nvSpPr>
      <xdr:spPr>
        <a:xfrm>
          <a:off x="13652500" y="12887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3</xdr:row>
      <xdr:rowOff>146981</xdr:rowOff>
    </xdr:from>
    <xdr:ext cx="469744"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3468428" y="12662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26467</xdr:rowOff>
    </xdr:from>
    <xdr:to>
      <xdr:col>67</xdr:col>
      <xdr:colOff>101600</xdr:colOff>
      <xdr:row>76</xdr:row>
      <xdr:rowOff>56617</xdr:rowOff>
    </xdr:to>
    <xdr:sp macro="" textlink="">
      <xdr:nvSpPr>
        <xdr:cNvPr id="664" name="楕円 663">
          <a:extLst>
            <a:ext uri="{FF2B5EF4-FFF2-40B4-BE49-F238E27FC236}">
              <a16:creationId xmlns:a16="http://schemas.microsoft.com/office/drawing/2014/main" id="{00000000-0008-0000-0600-000098020000}"/>
            </a:ext>
          </a:extLst>
        </xdr:cNvPr>
        <xdr:cNvSpPr/>
      </xdr:nvSpPr>
      <xdr:spPr>
        <a:xfrm>
          <a:off x="12763500" y="12985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6</xdr:row>
      <xdr:rowOff>47744</xdr:rowOff>
    </xdr:from>
    <xdr:ext cx="469744"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2579428" y="13077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6" name="正方形/長方形 665">
          <a:extLst>
            <a:ext uri="{FF2B5EF4-FFF2-40B4-BE49-F238E27FC236}">
              <a16:creationId xmlns:a16="http://schemas.microsoft.com/office/drawing/2014/main" id="{00000000-0008-0000-0600-00009A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7" name="正方形/長方形 666">
          <a:extLst>
            <a:ext uri="{FF2B5EF4-FFF2-40B4-BE49-F238E27FC236}">
              <a16:creationId xmlns:a16="http://schemas.microsoft.com/office/drawing/2014/main" id="{00000000-0008-0000-0600-00009B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8" name="正方形/長方形 667">
          <a:extLst>
            <a:ext uri="{FF2B5EF4-FFF2-40B4-BE49-F238E27FC236}">
              <a16:creationId xmlns:a16="http://schemas.microsoft.com/office/drawing/2014/main" id="{00000000-0008-0000-0600-00009C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9" name="正方形/長方形 668">
          <a:extLst>
            <a:ext uri="{FF2B5EF4-FFF2-40B4-BE49-F238E27FC236}">
              <a16:creationId xmlns:a16="http://schemas.microsoft.com/office/drawing/2014/main" id="{00000000-0008-0000-0600-00009D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0" name="正方形/長方形 669">
          <a:extLst>
            <a:ext uri="{FF2B5EF4-FFF2-40B4-BE49-F238E27FC236}">
              <a16:creationId xmlns:a16="http://schemas.microsoft.com/office/drawing/2014/main" id="{00000000-0008-0000-0600-00009E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1" name="正方形/長方形 670">
          <a:extLst>
            <a:ext uri="{FF2B5EF4-FFF2-40B4-BE49-F238E27FC236}">
              <a16:creationId xmlns:a16="http://schemas.microsoft.com/office/drawing/2014/main" id="{00000000-0008-0000-0600-00009F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2" name="正方形/長方形 671">
          <a:extLst>
            <a:ext uri="{FF2B5EF4-FFF2-40B4-BE49-F238E27FC236}">
              <a16:creationId xmlns:a16="http://schemas.microsoft.com/office/drawing/2014/main" id="{00000000-0008-0000-0600-0000A0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3" name="正方形/長方形 672">
          <a:extLst>
            <a:ext uri="{FF2B5EF4-FFF2-40B4-BE49-F238E27FC236}">
              <a16:creationId xmlns:a16="http://schemas.microsoft.com/office/drawing/2014/main" id="{00000000-0008-0000-0600-0000A1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7" name="テキスト ボックス 676">
          <a:extLst>
            <a:ext uri="{FF2B5EF4-FFF2-40B4-BE49-F238E27FC236}">
              <a16:creationId xmlns:a16="http://schemas.microsoft.com/office/drawing/2014/main" id="{00000000-0008-0000-0600-0000A5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9" name="テキスト ボックス 678">
          <a:extLst>
            <a:ext uri="{FF2B5EF4-FFF2-40B4-BE49-F238E27FC236}">
              <a16:creationId xmlns:a16="http://schemas.microsoft.com/office/drawing/2014/main" id="{00000000-0008-0000-0600-0000A7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5" name="テキスト ボックス 684">
          <a:extLst>
            <a:ext uri="{FF2B5EF4-FFF2-40B4-BE49-F238E27FC236}">
              <a16:creationId xmlns:a16="http://schemas.microsoft.com/office/drawing/2014/main" id="{00000000-0008-0000-0600-0000AD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8" name="積立金グラフ枠">
          <a:extLst>
            <a:ext uri="{FF2B5EF4-FFF2-40B4-BE49-F238E27FC236}">
              <a16:creationId xmlns:a16="http://schemas.microsoft.com/office/drawing/2014/main" id="{00000000-0008-0000-0600-0000B0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692</xdr:rowOff>
    </xdr:from>
    <xdr:to>
      <xdr:col>85</xdr:col>
      <xdr:colOff>126364</xdr:colOff>
      <xdr:row>98</xdr:row>
      <xdr:rowOff>88398</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6317595" y="15439192"/>
          <a:ext cx="1269" cy="14513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92225</xdr:rowOff>
    </xdr:from>
    <xdr:ext cx="469744" cy="259045"/>
    <xdr:sp macro="" textlink="">
      <xdr:nvSpPr>
        <xdr:cNvPr id="690" name="積立金最小値テキスト">
          <a:extLst>
            <a:ext uri="{FF2B5EF4-FFF2-40B4-BE49-F238E27FC236}">
              <a16:creationId xmlns:a16="http://schemas.microsoft.com/office/drawing/2014/main" id="{00000000-0008-0000-0600-0000B2020000}"/>
            </a:ext>
          </a:extLst>
        </xdr:cNvPr>
        <xdr:cNvSpPr txBox="1"/>
      </xdr:nvSpPr>
      <xdr:spPr>
        <a:xfrm>
          <a:off x="16370300" y="16894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88398</xdr:rowOff>
    </xdr:from>
    <xdr:to>
      <xdr:col>86</xdr:col>
      <xdr:colOff>25400</xdr:colOff>
      <xdr:row>98</xdr:row>
      <xdr:rowOff>88398</xdr:rowOff>
    </xdr:to>
    <xdr:cxnSp macro="">
      <xdr:nvCxnSpPr>
        <xdr:cNvPr id="691" name="直線コネクタ 690">
          <a:extLst>
            <a:ext uri="{FF2B5EF4-FFF2-40B4-BE49-F238E27FC236}">
              <a16:creationId xmlns:a16="http://schemas.microsoft.com/office/drawing/2014/main" id="{00000000-0008-0000-0600-0000B3020000}"/>
            </a:ext>
          </a:extLst>
        </xdr:cNvPr>
        <xdr:cNvCxnSpPr/>
      </xdr:nvCxnSpPr>
      <xdr:spPr>
        <a:xfrm>
          <a:off x="16230600" y="168904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26819</xdr:rowOff>
    </xdr:from>
    <xdr:ext cx="534377" cy="259045"/>
    <xdr:sp macro="" textlink="">
      <xdr:nvSpPr>
        <xdr:cNvPr id="692" name="積立金最大値テキスト">
          <a:extLst>
            <a:ext uri="{FF2B5EF4-FFF2-40B4-BE49-F238E27FC236}">
              <a16:creationId xmlns:a16="http://schemas.microsoft.com/office/drawing/2014/main" id="{00000000-0008-0000-0600-0000B4020000}"/>
            </a:ext>
          </a:extLst>
        </xdr:cNvPr>
        <xdr:cNvSpPr txBox="1"/>
      </xdr:nvSpPr>
      <xdr:spPr>
        <a:xfrm>
          <a:off x="16370300" y="152144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8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8692</xdr:rowOff>
    </xdr:from>
    <xdr:to>
      <xdr:col>86</xdr:col>
      <xdr:colOff>25400</xdr:colOff>
      <xdr:row>90</xdr:row>
      <xdr:rowOff>8692</xdr:rowOff>
    </xdr:to>
    <xdr:cxnSp macro="">
      <xdr:nvCxnSpPr>
        <xdr:cNvPr id="693" name="直線コネクタ 692">
          <a:extLst>
            <a:ext uri="{FF2B5EF4-FFF2-40B4-BE49-F238E27FC236}">
              <a16:creationId xmlns:a16="http://schemas.microsoft.com/office/drawing/2014/main" id="{00000000-0008-0000-0600-0000B5020000}"/>
            </a:ext>
          </a:extLst>
        </xdr:cNvPr>
        <xdr:cNvCxnSpPr/>
      </xdr:nvCxnSpPr>
      <xdr:spPr>
        <a:xfrm>
          <a:off x="16230600" y="15439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51118</xdr:rowOff>
    </xdr:from>
    <xdr:to>
      <xdr:col>85</xdr:col>
      <xdr:colOff>127000</xdr:colOff>
      <xdr:row>97</xdr:row>
      <xdr:rowOff>133890</xdr:rowOff>
    </xdr:to>
    <xdr:cxnSp macro="">
      <xdr:nvCxnSpPr>
        <xdr:cNvPr id="694" name="直線コネクタ 693">
          <a:extLst>
            <a:ext uri="{FF2B5EF4-FFF2-40B4-BE49-F238E27FC236}">
              <a16:creationId xmlns:a16="http://schemas.microsoft.com/office/drawing/2014/main" id="{00000000-0008-0000-0600-0000B6020000}"/>
            </a:ext>
          </a:extLst>
        </xdr:cNvPr>
        <xdr:cNvCxnSpPr/>
      </xdr:nvCxnSpPr>
      <xdr:spPr>
        <a:xfrm>
          <a:off x="15481300" y="16681768"/>
          <a:ext cx="838200" cy="82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78801</xdr:rowOff>
    </xdr:from>
    <xdr:ext cx="534377" cy="259045"/>
    <xdr:sp macro="" textlink="">
      <xdr:nvSpPr>
        <xdr:cNvPr id="695" name="積立金平均値テキスト">
          <a:extLst>
            <a:ext uri="{FF2B5EF4-FFF2-40B4-BE49-F238E27FC236}">
              <a16:creationId xmlns:a16="http://schemas.microsoft.com/office/drawing/2014/main" id="{00000000-0008-0000-0600-0000B7020000}"/>
            </a:ext>
          </a:extLst>
        </xdr:cNvPr>
        <xdr:cNvSpPr txBox="1"/>
      </xdr:nvSpPr>
      <xdr:spPr>
        <a:xfrm>
          <a:off x="16370300" y="1636655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55924</xdr:rowOff>
    </xdr:from>
    <xdr:to>
      <xdr:col>85</xdr:col>
      <xdr:colOff>177800</xdr:colOff>
      <xdr:row>96</xdr:row>
      <xdr:rowOff>157524</xdr:rowOff>
    </xdr:to>
    <xdr:sp macro="" textlink="">
      <xdr:nvSpPr>
        <xdr:cNvPr id="696" name="フローチャート: 判断 695">
          <a:extLst>
            <a:ext uri="{FF2B5EF4-FFF2-40B4-BE49-F238E27FC236}">
              <a16:creationId xmlns:a16="http://schemas.microsoft.com/office/drawing/2014/main" id="{00000000-0008-0000-0600-0000B8020000}"/>
            </a:ext>
          </a:extLst>
        </xdr:cNvPr>
        <xdr:cNvSpPr/>
      </xdr:nvSpPr>
      <xdr:spPr>
        <a:xfrm>
          <a:off x="16268700" y="16515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51118</xdr:rowOff>
    </xdr:from>
    <xdr:to>
      <xdr:col>81</xdr:col>
      <xdr:colOff>50800</xdr:colOff>
      <xdr:row>97</xdr:row>
      <xdr:rowOff>149968</xdr:rowOff>
    </xdr:to>
    <xdr:cxnSp macro="">
      <xdr:nvCxnSpPr>
        <xdr:cNvPr id="697" name="直線コネクタ 696">
          <a:extLst>
            <a:ext uri="{FF2B5EF4-FFF2-40B4-BE49-F238E27FC236}">
              <a16:creationId xmlns:a16="http://schemas.microsoft.com/office/drawing/2014/main" id="{00000000-0008-0000-0600-0000B9020000}"/>
            </a:ext>
          </a:extLst>
        </xdr:cNvPr>
        <xdr:cNvCxnSpPr/>
      </xdr:nvCxnSpPr>
      <xdr:spPr>
        <a:xfrm flipV="1">
          <a:off x="14592300" y="16681768"/>
          <a:ext cx="889000" cy="98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64458</xdr:rowOff>
    </xdr:from>
    <xdr:to>
      <xdr:col>81</xdr:col>
      <xdr:colOff>101600</xdr:colOff>
      <xdr:row>96</xdr:row>
      <xdr:rowOff>166058</xdr:rowOff>
    </xdr:to>
    <xdr:sp macro="" textlink="">
      <xdr:nvSpPr>
        <xdr:cNvPr id="698" name="フローチャート: 判断 697">
          <a:extLst>
            <a:ext uri="{FF2B5EF4-FFF2-40B4-BE49-F238E27FC236}">
              <a16:creationId xmlns:a16="http://schemas.microsoft.com/office/drawing/2014/main" id="{00000000-0008-0000-0600-0000BA020000}"/>
            </a:ext>
          </a:extLst>
        </xdr:cNvPr>
        <xdr:cNvSpPr/>
      </xdr:nvSpPr>
      <xdr:spPr>
        <a:xfrm>
          <a:off x="15430500" y="16523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1135</xdr:rowOff>
    </xdr:from>
    <xdr:ext cx="534377"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5214111" y="16298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28632</xdr:rowOff>
    </xdr:from>
    <xdr:to>
      <xdr:col>76</xdr:col>
      <xdr:colOff>114300</xdr:colOff>
      <xdr:row>97</xdr:row>
      <xdr:rowOff>149968</xdr:rowOff>
    </xdr:to>
    <xdr:cxnSp macro="">
      <xdr:nvCxnSpPr>
        <xdr:cNvPr id="700" name="直線コネクタ 699">
          <a:extLst>
            <a:ext uri="{FF2B5EF4-FFF2-40B4-BE49-F238E27FC236}">
              <a16:creationId xmlns:a16="http://schemas.microsoft.com/office/drawing/2014/main" id="{00000000-0008-0000-0600-0000BC020000}"/>
            </a:ext>
          </a:extLst>
        </xdr:cNvPr>
        <xdr:cNvCxnSpPr/>
      </xdr:nvCxnSpPr>
      <xdr:spPr>
        <a:xfrm>
          <a:off x="13703300" y="16759282"/>
          <a:ext cx="889000" cy="21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6980</xdr:rowOff>
    </xdr:from>
    <xdr:to>
      <xdr:col>76</xdr:col>
      <xdr:colOff>165100</xdr:colOff>
      <xdr:row>97</xdr:row>
      <xdr:rowOff>47130</xdr:rowOff>
    </xdr:to>
    <xdr:sp macro="" textlink="">
      <xdr:nvSpPr>
        <xdr:cNvPr id="701" name="フローチャート: 判断 700">
          <a:extLst>
            <a:ext uri="{FF2B5EF4-FFF2-40B4-BE49-F238E27FC236}">
              <a16:creationId xmlns:a16="http://schemas.microsoft.com/office/drawing/2014/main" id="{00000000-0008-0000-0600-0000BD020000}"/>
            </a:ext>
          </a:extLst>
        </xdr:cNvPr>
        <xdr:cNvSpPr/>
      </xdr:nvSpPr>
      <xdr:spPr>
        <a:xfrm>
          <a:off x="14541500" y="165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63657</xdr:rowOff>
    </xdr:from>
    <xdr:ext cx="534377"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4325111" y="163514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28632</xdr:rowOff>
    </xdr:from>
    <xdr:to>
      <xdr:col>71</xdr:col>
      <xdr:colOff>177800</xdr:colOff>
      <xdr:row>97</xdr:row>
      <xdr:rowOff>153721</xdr:rowOff>
    </xdr:to>
    <xdr:cxnSp macro="">
      <xdr:nvCxnSpPr>
        <xdr:cNvPr id="703" name="直線コネクタ 702">
          <a:extLst>
            <a:ext uri="{FF2B5EF4-FFF2-40B4-BE49-F238E27FC236}">
              <a16:creationId xmlns:a16="http://schemas.microsoft.com/office/drawing/2014/main" id="{00000000-0008-0000-0600-0000BF020000}"/>
            </a:ext>
          </a:extLst>
        </xdr:cNvPr>
        <xdr:cNvCxnSpPr/>
      </xdr:nvCxnSpPr>
      <xdr:spPr>
        <a:xfrm flipV="1">
          <a:off x="12814300" y="16759282"/>
          <a:ext cx="889000" cy="250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91872</xdr:rowOff>
    </xdr:from>
    <xdr:to>
      <xdr:col>72</xdr:col>
      <xdr:colOff>38100</xdr:colOff>
      <xdr:row>97</xdr:row>
      <xdr:rowOff>22022</xdr:rowOff>
    </xdr:to>
    <xdr:sp macro="" textlink="">
      <xdr:nvSpPr>
        <xdr:cNvPr id="704" name="フローチャート: 判断 703">
          <a:extLst>
            <a:ext uri="{FF2B5EF4-FFF2-40B4-BE49-F238E27FC236}">
              <a16:creationId xmlns:a16="http://schemas.microsoft.com/office/drawing/2014/main" id="{00000000-0008-0000-0600-0000C0020000}"/>
            </a:ext>
          </a:extLst>
        </xdr:cNvPr>
        <xdr:cNvSpPr/>
      </xdr:nvSpPr>
      <xdr:spPr>
        <a:xfrm>
          <a:off x="13652500" y="1655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38549</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3436111" y="16326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59258</xdr:rowOff>
    </xdr:from>
    <xdr:to>
      <xdr:col>67</xdr:col>
      <xdr:colOff>101600</xdr:colOff>
      <xdr:row>96</xdr:row>
      <xdr:rowOff>160858</xdr:rowOff>
    </xdr:to>
    <xdr:sp macro="" textlink="">
      <xdr:nvSpPr>
        <xdr:cNvPr id="706" name="フローチャート: 判断 705">
          <a:extLst>
            <a:ext uri="{FF2B5EF4-FFF2-40B4-BE49-F238E27FC236}">
              <a16:creationId xmlns:a16="http://schemas.microsoft.com/office/drawing/2014/main" id="{00000000-0008-0000-0600-0000C2020000}"/>
            </a:ext>
          </a:extLst>
        </xdr:cNvPr>
        <xdr:cNvSpPr/>
      </xdr:nvSpPr>
      <xdr:spPr>
        <a:xfrm>
          <a:off x="12763500" y="16518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935</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2547111" y="16293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600-0000C4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600-0000C6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83090</xdr:rowOff>
    </xdr:from>
    <xdr:to>
      <xdr:col>85</xdr:col>
      <xdr:colOff>177800</xdr:colOff>
      <xdr:row>98</xdr:row>
      <xdr:rowOff>13240</xdr:rowOff>
    </xdr:to>
    <xdr:sp macro="" textlink="">
      <xdr:nvSpPr>
        <xdr:cNvPr id="713" name="楕円 712">
          <a:extLst>
            <a:ext uri="{FF2B5EF4-FFF2-40B4-BE49-F238E27FC236}">
              <a16:creationId xmlns:a16="http://schemas.microsoft.com/office/drawing/2014/main" id="{00000000-0008-0000-0600-0000C9020000}"/>
            </a:ext>
          </a:extLst>
        </xdr:cNvPr>
        <xdr:cNvSpPr/>
      </xdr:nvSpPr>
      <xdr:spPr>
        <a:xfrm>
          <a:off x="16268700" y="1671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69467</xdr:rowOff>
    </xdr:from>
    <xdr:ext cx="534377" cy="259045"/>
    <xdr:sp macro="" textlink="">
      <xdr:nvSpPr>
        <xdr:cNvPr id="714" name="積立金該当値テキスト">
          <a:extLst>
            <a:ext uri="{FF2B5EF4-FFF2-40B4-BE49-F238E27FC236}">
              <a16:creationId xmlns:a16="http://schemas.microsoft.com/office/drawing/2014/main" id="{00000000-0008-0000-0600-0000CA020000}"/>
            </a:ext>
          </a:extLst>
        </xdr:cNvPr>
        <xdr:cNvSpPr txBox="1"/>
      </xdr:nvSpPr>
      <xdr:spPr>
        <a:xfrm>
          <a:off x="16370300" y="166286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318</xdr:rowOff>
    </xdr:from>
    <xdr:to>
      <xdr:col>81</xdr:col>
      <xdr:colOff>101600</xdr:colOff>
      <xdr:row>97</xdr:row>
      <xdr:rowOff>101918</xdr:rowOff>
    </xdr:to>
    <xdr:sp macro="" textlink="">
      <xdr:nvSpPr>
        <xdr:cNvPr id="715" name="楕円 714">
          <a:extLst>
            <a:ext uri="{FF2B5EF4-FFF2-40B4-BE49-F238E27FC236}">
              <a16:creationId xmlns:a16="http://schemas.microsoft.com/office/drawing/2014/main" id="{00000000-0008-0000-0600-0000CB020000}"/>
            </a:ext>
          </a:extLst>
        </xdr:cNvPr>
        <xdr:cNvSpPr/>
      </xdr:nvSpPr>
      <xdr:spPr>
        <a:xfrm>
          <a:off x="15430500" y="16630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93045</xdr:rowOff>
    </xdr:from>
    <xdr:ext cx="534377"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5214111" y="16723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9168</xdr:rowOff>
    </xdr:from>
    <xdr:to>
      <xdr:col>76</xdr:col>
      <xdr:colOff>165100</xdr:colOff>
      <xdr:row>98</xdr:row>
      <xdr:rowOff>29318</xdr:rowOff>
    </xdr:to>
    <xdr:sp macro="" textlink="">
      <xdr:nvSpPr>
        <xdr:cNvPr id="717" name="楕円 716">
          <a:extLst>
            <a:ext uri="{FF2B5EF4-FFF2-40B4-BE49-F238E27FC236}">
              <a16:creationId xmlns:a16="http://schemas.microsoft.com/office/drawing/2014/main" id="{00000000-0008-0000-0600-0000CD020000}"/>
            </a:ext>
          </a:extLst>
        </xdr:cNvPr>
        <xdr:cNvSpPr/>
      </xdr:nvSpPr>
      <xdr:spPr>
        <a:xfrm>
          <a:off x="14541500" y="167298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20445</xdr:rowOff>
    </xdr:from>
    <xdr:ext cx="534377"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4325111" y="16822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77832</xdr:rowOff>
    </xdr:from>
    <xdr:to>
      <xdr:col>72</xdr:col>
      <xdr:colOff>38100</xdr:colOff>
      <xdr:row>98</xdr:row>
      <xdr:rowOff>7982</xdr:rowOff>
    </xdr:to>
    <xdr:sp macro="" textlink="">
      <xdr:nvSpPr>
        <xdr:cNvPr id="719" name="楕円 718">
          <a:extLst>
            <a:ext uri="{FF2B5EF4-FFF2-40B4-BE49-F238E27FC236}">
              <a16:creationId xmlns:a16="http://schemas.microsoft.com/office/drawing/2014/main" id="{00000000-0008-0000-0600-0000CF020000}"/>
            </a:ext>
          </a:extLst>
        </xdr:cNvPr>
        <xdr:cNvSpPr/>
      </xdr:nvSpPr>
      <xdr:spPr>
        <a:xfrm>
          <a:off x="13652500" y="16708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70559</xdr:rowOff>
    </xdr:from>
    <xdr:ext cx="534377"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3436111" y="16801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02921</xdr:rowOff>
    </xdr:from>
    <xdr:to>
      <xdr:col>67</xdr:col>
      <xdr:colOff>101600</xdr:colOff>
      <xdr:row>98</xdr:row>
      <xdr:rowOff>33071</xdr:rowOff>
    </xdr:to>
    <xdr:sp macro="" textlink="">
      <xdr:nvSpPr>
        <xdr:cNvPr id="721" name="楕円 720">
          <a:extLst>
            <a:ext uri="{FF2B5EF4-FFF2-40B4-BE49-F238E27FC236}">
              <a16:creationId xmlns:a16="http://schemas.microsoft.com/office/drawing/2014/main" id="{00000000-0008-0000-0600-0000D1020000}"/>
            </a:ext>
          </a:extLst>
        </xdr:cNvPr>
        <xdr:cNvSpPr/>
      </xdr:nvSpPr>
      <xdr:spPr>
        <a:xfrm>
          <a:off x="12763500" y="16733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4198</xdr:rowOff>
    </xdr:from>
    <xdr:ext cx="534377"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2547111" y="168262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3" name="正方形/長方形 722">
          <a:extLst>
            <a:ext uri="{FF2B5EF4-FFF2-40B4-BE49-F238E27FC236}">
              <a16:creationId xmlns:a16="http://schemas.microsoft.com/office/drawing/2014/main" id="{00000000-0008-0000-0600-0000D3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4" name="正方形/長方形 723">
          <a:extLst>
            <a:ext uri="{FF2B5EF4-FFF2-40B4-BE49-F238E27FC236}">
              <a16:creationId xmlns:a16="http://schemas.microsoft.com/office/drawing/2014/main" id="{00000000-0008-0000-0600-0000D4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5" name="正方形/長方形 724">
          <a:extLst>
            <a:ext uri="{FF2B5EF4-FFF2-40B4-BE49-F238E27FC236}">
              <a16:creationId xmlns:a16="http://schemas.microsoft.com/office/drawing/2014/main" id="{00000000-0008-0000-0600-0000D5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6" name="正方形/長方形 725">
          <a:extLst>
            <a:ext uri="{FF2B5EF4-FFF2-40B4-BE49-F238E27FC236}">
              <a16:creationId xmlns:a16="http://schemas.microsoft.com/office/drawing/2014/main" id="{00000000-0008-0000-0600-0000D6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7" name="正方形/長方形 726">
          <a:extLst>
            <a:ext uri="{FF2B5EF4-FFF2-40B4-BE49-F238E27FC236}">
              <a16:creationId xmlns:a16="http://schemas.microsoft.com/office/drawing/2014/main" id="{00000000-0008-0000-0600-0000D7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8" name="正方形/長方形 727">
          <a:extLst>
            <a:ext uri="{FF2B5EF4-FFF2-40B4-BE49-F238E27FC236}">
              <a16:creationId xmlns:a16="http://schemas.microsoft.com/office/drawing/2014/main" id="{00000000-0008-0000-0600-0000D8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9" name="正方形/長方形 728">
          <a:extLst>
            <a:ext uri="{FF2B5EF4-FFF2-40B4-BE49-F238E27FC236}">
              <a16:creationId xmlns:a16="http://schemas.microsoft.com/office/drawing/2014/main" id="{00000000-0008-0000-0600-0000D9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0" name="正方形/長方形 729">
          <a:extLst>
            <a:ext uri="{FF2B5EF4-FFF2-40B4-BE49-F238E27FC236}">
              <a16:creationId xmlns:a16="http://schemas.microsoft.com/office/drawing/2014/main" id="{00000000-0008-0000-0600-0000DA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4" name="テキスト ボックス 733">
          <a:extLst>
            <a:ext uri="{FF2B5EF4-FFF2-40B4-BE49-F238E27FC236}">
              <a16:creationId xmlns:a16="http://schemas.microsoft.com/office/drawing/2014/main" id="{00000000-0008-0000-0600-0000DE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6" name="テキスト ボックス 735">
          <a:extLst>
            <a:ext uri="{FF2B5EF4-FFF2-40B4-BE49-F238E27FC236}">
              <a16:creationId xmlns:a16="http://schemas.microsoft.com/office/drawing/2014/main" id="{00000000-0008-0000-0600-0000E0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0" name="テキスト ボックス 739">
          <a:extLst>
            <a:ext uri="{FF2B5EF4-FFF2-40B4-BE49-F238E27FC236}">
              <a16:creationId xmlns:a16="http://schemas.microsoft.com/office/drawing/2014/main" id="{00000000-0008-0000-0600-0000E4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1" name="直線コネクタ 740">
          <a:extLst>
            <a:ext uri="{FF2B5EF4-FFF2-40B4-BE49-F238E27FC236}">
              <a16:creationId xmlns:a16="http://schemas.microsoft.com/office/drawing/2014/main" id="{00000000-0008-0000-0600-0000E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2" name="テキスト ボックス 741">
          <a:extLst>
            <a:ext uri="{FF2B5EF4-FFF2-40B4-BE49-F238E27FC236}">
              <a16:creationId xmlns:a16="http://schemas.microsoft.com/office/drawing/2014/main" id="{00000000-0008-0000-0600-0000E6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3" name="投資及び出資金グラフ枠">
          <a:extLst>
            <a:ext uri="{FF2B5EF4-FFF2-40B4-BE49-F238E27FC236}">
              <a16:creationId xmlns:a16="http://schemas.microsoft.com/office/drawing/2014/main" id="{00000000-0008-0000-0600-0000E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39700</xdr:rowOff>
    </xdr:from>
    <xdr:to>
      <xdr:col>116</xdr:col>
      <xdr:colOff>62864</xdr:colOff>
      <xdr:row>38</xdr:row>
      <xdr:rowOff>139700</xdr:rowOff>
    </xdr:to>
    <xdr:cxnSp macro="">
      <xdr:nvCxnSpPr>
        <xdr:cNvPr id="744" name="直線コネクタ 743">
          <a:extLst>
            <a:ext uri="{FF2B5EF4-FFF2-40B4-BE49-F238E27FC236}">
              <a16:creationId xmlns:a16="http://schemas.microsoft.com/office/drawing/2014/main" id="{00000000-0008-0000-0600-0000E8020000}"/>
            </a:ext>
          </a:extLst>
        </xdr:cNvPr>
        <xdr:cNvCxnSpPr/>
      </xdr:nvCxnSpPr>
      <xdr:spPr>
        <a:xfrm flipV="1">
          <a:off x="22159595" y="5283200"/>
          <a:ext cx="1269"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2819</xdr:rowOff>
    </xdr:from>
    <xdr:ext cx="249299" cy="259045"/>
    <xdr:sp macro="" textlink="">
      <xdr:nvSpPr>
        <xdr:cNvPr id="745" name="投資及び出資金最小値テキスト">
          <a:extLst>
            <a:ext uri="{FF2B5EF4-FFF2-40B4-BE49-F238E27FC236}">
              <a16:creationId xmlns:a16="http://schemas.microsoft.com/office/drawing/2014/main" id="{00000000-0008-0000-0600-0000E9020000}"/>
            </a:ext>
          </a:extLst>
        </xdr:cNvPr>
        <xdr:cNvSpPr txBox="1"/>
      </xdr:nvSpPr>
      <xdr:spPr>
        <a:xfrm>
          <a:off x="22212300" y="66993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86377</xdr:rowOff>
    </xdr:from>
    <xdr:ext cx="469744" cy="259045"/>
    <xdr:sp macro="" textlink="">
      <xdr:nvSpPr>
        <xdr:cNvPr id="747" name="投資及び出資金最大値テキスト">
          <a:extLst>
            <a:ext uri="{FF2B5EF4-FFF2-40B4-BE49-F238E27FC236}">
              <a16:creationId xmlns:a16="http://schemas.microsoft.com/office/drawing/2014/main" id="{00000000-0008-0000-0600-0000EB020000}"/>
            </a:ext>
          </a:extLst>
        </xdr:cNvPr>
        <xdr:cNvSpPr txBox="1"/>
      </xdr:nvSpPr>
      <xdr:spPr>
        <a:xfrm>
          <a:off x="22212300" y="5058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139700</xdr:rowOff>
    </xdr:from>
    <xdr:to>
      <xdr:col>116</xdr:col>
      <xdr:colOff>152400</xdr:colOff>
      <xdr:row>30</xdr:row>
      <xdr:rowOff>139700</xdr:rowOff>
    </xdr:to>
    <xdr:cxnSp macro="">
      <xdr:nvCxnSpPr>
        <xdr:cNvPr id="748" name="直線コネクタ 747">
          <a:extLst>
            <a:ext uri="{FF2B5EF4-FFF2-40B4-BE49-F238E27FC236}">
              <a16:creationId xmlns:a16="http://schemas.microsoft.com/office/drawing/2014/main" id="{00000000-0008-0000-0600-0000EC020000}"/>
            </a:ext>
          </a:extLst>
        </xdr:cNvPr>
        <xdr:cNvCxnSpPr/>
      </xdr:nvCxnSpPr>
      <xdr:spPr>
        <a:xfrm>
          <a:off x="22072600" y="5283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19</xdr:rowOff>
    </xdr:from>
    <xdr:ext cx="313932" cy="259045"/>
    <xdr:sp macro="" textlink="">
      <xdr:nvSpPr>
        <xdr:cNvPr id="750" name="投資及び出資金平均値テキスト">
          <a:extLst>
            <a:ext uri="{FF2B5EF4-FFF2-40B4-BE49-F238E27FC236}">
              <a16:creationId xmlns:a16="http://schemas.microsoft.com/office/drawing/2014/main" id="{00000000-0008-0000-0600-0000EE020000}"/>
            </a:ext>
          </a:extLst>
        </xdr:cNvPr>
        <xdr:cNvSpPr txBox="1"/>
      </xdr:nvSpPr>
      <xdr:spPr>
        <a:xfrm>
          <a:off x="22212300" y="64453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78842</xdr:rowOff>
    </xdr:from>
    <xdr:to>
      <xdr:col>116</xdr:col>
      <xdr:colOff>114300</xdr:colOff>
      <xdr:row>39</xdr:row>
      <xdr:rowOff>8992</xdr:rowOff>
    </xdr:to>
    <xdr:sp macro="" textlink="">
      <xdr:nvSpPr>
        <xdr:cNvPr id="751" name="フローチャート: 判断 750">
          <a:extLst>
            <a:ext uri="{FF2B5EF4-FFF2-40B4-BE49-F238E27FC236}">
              <a16:creationId xmlns:a16="http://schemas.microsoft.com/office/drawing/2014/main" id="{00000000-0008-0000-0600-0000EF020000}"/>
            </a:ext>
          </a:extLst>
        </xdr:cNvPr>
        <xdr:cNvSpPr/>
      </xdr:nvSpPr>
      <xdr:spPr>
        <a:xfrm>
          <a:off x="22110700" y="65939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2" name="直線コネクタ 751">
          <a:extLst>
            <a:ext uri="{FF2B5EF4-FFF2-40B4-BE49-F238E27FC236}">
              <a16:creationId xmlns:a16="http://schemas.microsoft.com/office/drawing/2014/main" id="{00000000-0008-0000-0600-0000F0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70612</xdr:rowOff>
    </xdr:from>
    <xdr:to>
      <xdr:col>112</xdr:col>
      <xdr:colOff>38100</xdr:colOff>
      <xdr:row>39</xdr:row>
      <xdr:rowOff>762</xdr:rowOff>
    </xdr:to>
    <xdr:sp macro="" textlink="">
      <xdr:nvSpPr>
        <xdr:cNvPr id="753" name="フローチャート: 判断 752">
          <a:extLst>
            <a:ext uri="{FF2B5EF4-FFF2-40B4-BE49-F238E27FC236}">
              <a16:creationId xmlns:a16="http://schemas.microsoft.com/office/drawing/2014/main" id="{00000000-0008-0000-0600-0000F1020000}"/>
            </a:ext>
          </a:extLst>
        </xdr:cNvPr>
        <xdr:cNvSpPr/>
      </xdr:nvSpPr>
      <xdr:spPr>
        <a:xfrm>
          <a:off x="21272500" y="6585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7289</xdr:rowOff>
    </xdr:from>
    <xdr:ext cx="313932"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166333" y="636093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5" name="直線コネクタ 754">
          <a:extLst>
            <a:ext uri="{FF2B5EF4-FFF2-40B4-BE49-F238E27FC236}">
              <a16:creationId xmlns:a16="http://schemas.microsoft.com/office/drawing/2014/main" id="{00000000-0008-0000-0600-0000F3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88900</xdr:rowOff>
    </xdr:from>
    <xdr:to>
      <xdr:col>107</xdr:col>
      <xdr:colOff>101600</xdr:colOff>
      <xdr:row>39</xdr:row>
      <xdr:rowOff>19050</xdr:rowOff>
    </xdr:to>
    <xdr:sp macro="" textlink="">
      <xdr:nvSpPr>
        <xdr:cNvPr id="756" name="フローチャート: 判断 755">
          <a:extLst>
            <a:ext uri="{FF2B5EF4-FFF2-40B4-BE49-F238E27FC236}">
              <a16:creationId xmlns:a16="http://schemas.microsoft.com/office/drawing/2014/main" id="{00000000-0008-0000-0600-0000F4020000}"/>
            </a:ext>
          </a:extLst>
        </xdr:cNvPr>
        <xdr:cNvSpPr/>
      </xdr:nvSpPr>
      <xdr:spPr>
        <a:xfrm>
          <a:off x="203835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8" name="直線コネクタ 757">
          <a:extLst>
            <a:ext uri="{FF2B5EF4-FFF2-40B4-BE49-F238E27FC236}">
              <a16:creationId xmlns:a16="http://schemas.microsoft.com/office/drawing/2014/main" id="{00000000-0008-0000-0600-0000F6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7985</xdr:rowOff>
    </xdr:from>
    <xdr:to>
      <xdr:col>102</xdr:col>
      <xdr:colOff>165100</xdr:colOff>
      <xdr:row>39</xdr:row>
      <xdr:rowOff>18135</xdr:rowOff>
    </xdr:to>
    <xdr:sp macro="" textlink="">
      <xdr:nvSpPr>
        <xdr:cNvPr id="759" name="フローチャート: 判断 758">
          <a:extLst>
            <a:ext uri="{FF2B5EF4-FFF2-40B4-BE49-F238E27FC236}">
              <a16:creationId xmlns:a16="http://schemas.microsoft.com/office/drawing/2014/main" id="{00000000-0008-0000-0600-0000F7020000}"/>
            </a:ext>
          </a:extLst>
        </xdr:cNvPr>
        <xdr:cNvSpPr/>
      </xdr:nvSpPr>
      <xdr:spPr>
        <a:xfrm>
          <a:off x="19494500" y="6603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7</xdr:row>
      <xdr:rowOff>34663</xdr:rowOff>
    </xdr:from>
    <xdr:ext cx="249299" cy="259045"/>
    <xdr:sp macro="" textlink="">
      <xdr:nvSpPr>
        <xdr:cNvPr id="760" name="テキスト ボックス 759">
          <a:extLst>
            <a:ext uri="{FF2B5EF4-FFF2-40B4-BE49-F238E27FC236}">
              <a16:creationId xmlns:a16="http://schemas.microsoft.com/office/drawing/2014/main" id="{00000000-0008-0000-0600-0000F8020000}"/>
            </a:ext>
          </a:extLst>
        </xdr:cNvPr>
        <xdr:cNvSpPr txBox="1"/>
      </xdr:nvSpPr>
      <xdr:spPr>
        <a:xfrm>
          <a:off x="19420650" y="637831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6157</xdr:rowOff>
    </xdr:from>
    <xdr:to>
      <xdr:col>98</xdr:col>
      <xdr:colOff>38100</xdr:colOff>
      <xdr:row>39</xdr:row>
      <xdr:rowOff>16307</xdr:rowOff>
    </xdr:to>
    <xdr:sp macro="" textlink="">
      <xdr:nvSpPr>
        <xdr:cNvPr id="761" name="フローチャート: 判断 760">
          <a:extLst>
            <a:ext uri="{FF2B5EF4-FFF2-40B4-BE49-F238E27FC236}">
              <a16:creationId xmlns:a16="http://schemas.microsoft.com/office/drawing/2014/main" id="{00000000-0008-0000-0600-0000F9020000}"/>
            </a:ext>
          </a:extLst>
        </xdr:cNvPr>
        <xdr:cNvSpPr/>
      </xdr:nvSpPr>
      <xdr:spPr>
        <a:xfrm>
          <a:off x="18605500" y="6601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7</xdr:row>
      <xdr:rowOff>32834</xdr:rowOff>
    </xdr:from>
    <xdr:ext cx="249299"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18531650" y="637648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600-0000F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600-0000F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8" name="楕円 767">
          <a:extLst>
            <a:ext uri="{FF2B5EF4-FFF2-40B4-BE49-F238E27FC236}">
              <a16:creationId xmlns:a16="http://schemas.microsoft.com/office/drawing/2014/main" id="{00000000-0008-0000-0600-000000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57269</xdr:rowOff>
    </xdr:from>
    <xdr:ext cx="249299" cy="259045"/>
    <xdr:sp macro="" textlink="">
      <xdr:nvSpPr>
        <xdr:cNvPr id="769" name="投資及び出資金該当値テキスト">
          <a:extLst>
            <a:ext uri="{FF2B5EF4-FFF2-40B4-BE49-F238E27FC236}">
              <a16:creationId xmlns:a16="http://schemas.microsoft.com/office/drawing/2014/main" id="{00000000-0008-0000-0600-000001030000}"/>
            </a:ext>
          </a:extLst>
        </xdr:cNvPr>
        <xdr:cNvSpPr txBox="1"/>
      </xdr:nvSpPr>
      <xdr:spPr>
        <a:xfrm>
          <a:off x="22212300" y="65723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0" name="楕円 769">
          <a:extLst>
            <a:ext uri="{FF2B5EF4-FFF2-40B4-BE49-F238E27FC236}">
              <a16:creationId xmlns:a16="http://schemas.microsoft.com/office/drawing/2014/main" id="{00000000-0008-0000-0600-000002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1" name="テキスト ボックス 770">
          <a:extLst>
            <a:ext uri="{FF2B5EF4-FFF2-40B4-BE49-F238E27FC236}">
              <a16:creationId xmlns:a16="http://schemas.microsoft.com/office/drawing/2014/main" id="{00000000-0008-0000-0600-000003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2" name="楕円 771">
          <a:extLst>
            <a:ext uri="{FF2B5EF4-FFF2-40B4-BE49-F238E27FC236}">
              <a16:creationId xmlns:a16="http://schemas.microsoft.com/office/drawing/2014/main" id="{00000000-0008-0000-0600-000004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7</xdr:row>
      <xdr:rowOff>35577</xdr:rowOff>
    </xdr:from>
    <xdr:ext cx="249299"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20309650" y="63792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4" name="楕円 773">
          <a:extLst>
            <a:ext uri="{FF2B5EF4-FFF2-40B4-BE49-F238E27FC236}">
              <a16:creationId xmlns:a16="http://schemas.microsoft.com/office/drawing/2014/main" id="{00000000-0008-0000-0600-000006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6" name="楕円 775">
          <a:extLst>
            <a:ext uri="{FF2B5EF4-FFF2-40B4-BE49-F238E27FC236}">
              <a16:creationId xmlns:a16="http://schemas.microsoft.com/office/drawing/2014/main" id="{00000000-0008-0000-0600-000008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8" name="正方形/長方形 777">
          <a:extLst>
            <a:ext uri="{FF2B5EF4-FFF2-40B4-BE49-F238E27FC236}">
              <a16:creationId xmlns:a16="http://schemas.microsoft.com/office/drawing/2014/main" id="{00000000-0008-0000-0600-00000A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9" name="正方形/長方形 778">
          <a:extLst>
            <a:ext uri="{FF2B5EF4-FFF2-40B4-BE49-F238E27FC236}">
              <a16:creationId xmlns:a16="http://schemas.microsoft.com/office/drawing/2014/main" id="{00000000-0008-0000-0600-00000B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0" name="正方形/長方形 779">
          <a:extLst>
            <a:ext uri="{FF2B5EF4-FFF2-40B4-BE49-F238E27FC236}">
              <a16:creationId xmlns:a16="http://schemas.microsoft.com/office/drawing/2014/main" id="{00000000-0008-0000-0600-00000C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600-00000D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2" name="正方形/長方形 781">
          <a:extLst>
            <a:ext uri="{FF2B5EF4-FFF2-40B4-BE49-F238E27FC236}">
              <a16:creationId xmlns:a16="http://schemas.microsoft.com/office/drawing/2014/main" id="{00000000-0008-0000-0600-00000E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3" name="正方形/長方形 782">
          <a:extLst>
            <a:ext uri="{FF2B5EF4-FFF2-40B4-BE49-F238E27FC236}">
              <a16:creationId xmlns:a16="http://schemas.microsoft.com/office/drawing/2014/main" id="{00000000-0008-0000-0600-00000F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4" name="正方形/長方形 783">
          <a:extLst>
            <a:ext uri="{FF2B5EF4-FFF2-40B4-BE49-F238E27FC236}">
              <a16:creationId xmlns:a16="http://schemas.microsoft.com/office/drawing/2014/main" id="{00000000-0008-0000-0600-00001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5" name="正方形/長方形 784">
          <a:extLst>
            <a:ext uri="{FF2B5EF4-FFF2-40B4-BE49-F238E27FC236}">
              <a16:creationId xmlns:a16="http://schemas.microsoft.com/office/drawing/2014/main" id="{00000000-0008-0000-0600-00001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9" name="テキスト ボックス 788">
          <a:extLst>
            <a:ext uri="{FF2B5EF4-FFF2-40B4-BE49-F238E27FC236}">
              <a16:creationId xmlns:a16="http://schemas.microsoft.com/office/drawing/2014/main" id="{00000000-0008-0000-0600-000015030000}"/>
            </a:ext>
          </a:extLst>
        </xdr:cNvPr>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91" name="テキスト ボックス 790">
          <a:extLst>
            <a:ext uri="{FF2B5EF4-FFF2-40B4-BE49-F238E27FC236}">
              <a16:creationId xmlns:a16="http://schemas.microsoft.com/office/drawing/2014/main" id="{00000000-0008-0000-0600-000017030000}"/>
            </a:ext>
          </a:extLst>
        </xdr:cNvPr>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93" name="テキスト ボックス 792">
          <a:extLst>
            <a:ext uri="{FF2B5EF4-FFF2-40B4-BE49-F238E27FC236}">
              <a16:creationId xmlns:a16="http://schemas.microsoft.com/office/drawing/2014/main" id="{00000000-0008-0000-0600-000019030000}"/>
            </a:ext>
          </a:extLst>
        </xdr:cNvPr>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8" name="貸付金グラフ枠">
          <a:extLst>
            <a:ext uri="{FF2B5EF4-FFF2-40B4-BE49-F238E27FC236}">
              <a16:creationId xmlns:a16="http://schemas.microsoft.com/office/drawing/2014/main" id="{00000000-0008-0000-0600-00001E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22052</xdr:rowOff>
    </xdr:from>
    <xdr:to>
      <xdr:col>116</xdr:col>
      <xdr:colOff>62864</xdr:colOff>
      <xdr:row>58</xdr:row>
      <xdr:rowOff>139060</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flipV="1">
          <a:off x="22159595" y="8694552"/>
          <a:ext cx="1269" cy="13886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2887</xdr:rowOff>
    </xdr:from>
    <xdr:ext cx="249299" cy="259045"/>
    <xdr:sp macro="" textlink="">
      <xdr:nvSpPr>
        <xdr:cNvPr id="800" name="貸付金最小値テキスト">
          <a:extLst>
            <a:ext uri="{FF2B5EF4-FFF2-40B4-BE49-F238E27FC236}">
              <a16:creationId xmlns:a16="http://schemas.microsoft.com/office/drawing/2014/main" id="{00000000-0008-0000-0600-000020030000}"/>
            </a:ext>
          </a:extLst>
        </xdr:cNvPr>
        <xdr:cNvSpPr txBox="1"/>
      </xdr:nvSpPr>
      <xdr:spPr>
        <a:xfrm>
          <a:off x="22212300" y="1008698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060</xdr:rowOff>
    </xdr:from>
    <xdr:to>
      <xdr:col>116</xdr:col>
      <xdr:colOff>152400</xdr:colOff>
      <xdr:row>58</xdr:row>
      <xdr:rowOff>139060</xdr:rowOff>
    </xdr:to>
    <xdr:cxnSp macro="">
      <xdr:nvCxnSpPr>
        <xdr:cNvPr id="801" name="直線コネクタ 800">
          <a:extLst>
            <a:ext uri="{FF2B5EF4-FFF2-40B4-BE49-F238E27FC236}">
              <a16:creationId xmlns:a16="http://schemas.microsoft.com/office/drawing/2014/main" id="{00000000-0008-0000-0600-000021030000}"/>
            </a:ext>
          </a:extLst>
        </xdr:cNvPr>
        <xdr:cNvCxnSpPr/>
      </xdr:nvCxnSpPr>
      <xdr:spPr>
        <a:xfrm>
          <a:off x="22072600" y="100831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68729</xdr:rowOff>
    </xdr:from>
    <xdr:ext cx="534377" cy="259045"/>
    <xdr:sp macro="" textlink="">
      <xdr:nvSpPr>
        <xdr:cNvPr id="802" name="貸付金最大値テキスト">
          <a:extLst>
            <a:ext uri="{FF2B5EF4-FFF2-40B4-BE49-F238E27FC236}">
              <a16:creationId xmlns:a16="http://schemas.microsoft.com/office/drawing/2014/main" id="{00000000-0008-0000-0600-000022030000}"/>
            </a:ext>
          </a:extLst>
        </xdr:cNvPr>
        <xdr:cNvSpPr txBox="1"/>
      </xdr:nvSpPr>
      <xdr:spPr>
        <a:xfrm>
          <a:off x="22212300" y="8469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122052</xdr:rowOff>
    </xdr:from>
    <xdr:to>
      <xdr:col>116</xdr:col>
      <xdr:colOff>152400</xdr:colOff>
      <xdr:row>50</xdr:row>
      <xdr:rowOff>122052</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22072600" y="8694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6929</xdr:rowOff>
    </xdr:from>
    <xdr:to>
      <xdr:col>116</xdr:col>
      <xdr:colOff>63500</xdr:colOff>
      <xdr:row>57</xdr:row>
      <xdr:rowOff>8849</xdr:rowOff>
    </xdr:to>
    <xdr:cxnSp macro="">
      <xdr:nvCxnSpPr>
        <xdr:cNvPr id="804" name="直線コネクタ 803">
          <a:extLst>
            <a:ext uri="{FF2B5EF4-FFF2-40B4-BE49-F238E27FC236}">
              <a16:creationId xmlns:a16="http://schemas.microsoft.com/office/drawing/2014/main" id="{00000000-0008-0000-0600-000024030000}"/>
            </a:ext>
          </a:extLst>
        </xdr:cNvPr>
        <xdr:cNvCxnSpPr/>
      </xdr:nvCxnSpPr>
      <xdr:spPr>
        <a:xfrm>
          <a:off x="21323300" y="9779579"/>
          <a:ext cx="838200" cy="1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65625</xdr:rowOff>
    </xdr:from>
    <xdr:ext cx="469744" cy="259045"/>
    <xdr:sp macro="" textlink="">
      <xdr:nvSpPr>
        <xdr:cNvPr id="805" name="貸付金平均値テキスト">
          <a:extLst>
            <a:ext uri="{FF2B5EF4-FFF2-40B4-BE49-F238E27FC236}">
              <a16:creationId xmlns:a16="http://schemas.microsoft.com/office/drawing/2014/main" id="{00000000-0008-0000-0600-000025030000}"/>
            </a:ext>
          </a:extLst>
        </xdr:cNvPr>
        <xdr:cNvSpPr txBox="1"/>
      </xdr:nvSpPr>
      <xdr:spPr>
        <a:xfrm>
          <a:off x="22212300" y="976682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5748</xdr:rowOff>
    </xdr:from>
    <xdr:to>
      <xdr:col>116</xdr:col>
      <xdr:colOff>114300</xdr:colOff>
      <xdr:row>57</xdr:row>
      <xdr:rowOff>117348</xdr:rowOff>
    </xdr:to>
    <xdr:sp macro="" textlink="">
      <xdr:nvSpPr>
        <xdr:cNvPr id="806" name="フローチャート: 判断 805">
          <a:extLst>
            <a:ext uri="{FF2B5EF4-FFF2-40B4-BE49-F238E27FC236}">
              <a16:creationId xmlns:a16="http://schemas.microsoft.com/office/drawing/2014/main" id="{00000000-0008-0000-0600-000026030000}"/>
            </a:ext>
          </a:extLst>
        </xdr:cNvPr>
        <xdr:cNvSpPr/>
      </xdr:nvSpPr>
      <xdr:spPr>
        <a:xfrm>
          <a:off x="221107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3180</xdr:rowOff>
    </xdr:from>
    <xdr:to>
      <xdr:col>111</xdr:col>
      <xdr:colOff>177800</xdr:colOff>
      <xdr:row>57</xdr:row>
      <xdr:rowOff>6929</xdr:rowOff>
    </xdr:to>
    <xdr:cxnSp macro="">
      <xdr:nvCxnSpPr>
        <xdr:cNvPr id="807" name="直線コネクタ 806">
          <a:extLst>
            <a:ext uri="{FF2B5EF4-FFF2-40B4-BE49-F238E27FC236}">
              <a16:creationId xmlns:a16="http://schemas.microsoft.com/office/drawing/2014/main" id="{00000000-0008-0000-0600-000027030000}"/>
            </a:ext>
          </a:extLst>
        </xdr:cNvPr>
        <xdr:cNvCxnSpPr/>
      </xdr:nvCxnSpPr>
      <xdr:spPr>
        <a:xfrm>
          <a:off x="20434300" y="9775830"/>
          <a:ext cx="889000" cy="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9530</xdr:rowOff>
    </xdr:from>
    <xdr:to>
      <xdr:col>112</xdr:col>
      <xdr:colOff>38100</xdr:colOff>
      <xdr:row>57</xdr:row>
      <xdr:rowOff>111130</xdr:rowOff>
    </xdr:to>
    <xdr:sp macro="" textlink="">
      <xdr:nvSpPr>
        <xdr:cNvPr id="808" name="フローチャート: 判断 807">
          <a:extLst>
            <a:ext uri="{FF2B5EF4-FFF2-40B4-BE49-F238E27FC236}">
              <a16:creationId xmlns:a16="http://schemas.microsoft.com/office/drawing/2014/main" id="{00000000-0008-0000-0600-000028030000}"/>
            </a:ext>
          </a:extLst>
        </xdr:cNvPr>
        <xdr:cNvSpPr/>
      </xdr:nvSpPr>
      <xdr:spPr>
        <a:xfrm>
          <a:off x="21272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2257</xdr:rowOff>
    </xdr:from>
    <xdr:ext cx="469744" cy="259045"/>
    <xdr:sp macro="" textlink="">
      <xdr:nvSpPr>
        <xdr:cNvPr id="809" name="テキスト ボックス 808">
          <a:extLst>
            <a:ext uri="{FF2B5EF4-FFF2-40B4-BE49-F238E27FC236}">
              <a16:creationId xmlns:a16="http://schemas.microsoft.com/office/drawing/2014/main" id="{00000000-0008-0000-0600-000029030000}"/>
            </a:ext>
          </a:extLst>
        </xdr:cNvPr>
        <xdr:cNvSpPr txBox="1"/>
      </xdr:nvSpPr>
      <xdr:spPr>
        <a:xfrm>
          <a:off x="21088428" y="987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163</xdr:rowOff>
    </xdr:from>
    <xdr:to>
      <xdr:col>107</xdr:col>
      <xdr:colOff>50800</xdr:colOff>
      <xdr:row>57</xdr:row>
      <xdr:rowOff>3180</xdr:rowOff>
    </xdr:to>
    <xdr:cxnSp macro="">
      <xdr:nvCxnSpPr>
        <xdr:cNvPr id="810" name="直線コネクタ 809">
          <a:extLst>
            <a:ext uri="{FF2B5EF4-FFF2-40B4-BE49-F238E27FC236}">
              <a16:creationId xmlns:a16="http://schemas.microsoft.com/office/drawing/2014/main" id="{00000000-0008-0000-0600-00002A030000}"/>
            </a:ext>
          </a:extLst>
        </xdr:cNvPr>
        <xdr:cNvCxnSpPr/>
      </xdr:nvCxnSpPr>
      <xdr:spPr>
        <a:xfrm>
          <a:off x="19545300" y="9772813"/>
          <a:ext cx="889000" cy="3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72349</xdr:rowOff>
    </xdr:from>
    <xdr:to>
      <xdr:col>107</xdr:col>
      <xdr:colOff>101600</xdr:colOff>
      <xdr:row>58</xdr:row>
      <xdr:rowOff>2499</xdr:rowOff>
    </xdr:to>
    <xdr:sp macro="" textlink="">
      <xdr:nvSpPr>
        <xdr:cNvPr id="811" name="フローチャート: 判断 810">
          <a:extLst>
            <a:ext uri="{FF2B5EF4-FFF2-40B4-BE49-F238E27FC236}">
              <a16:creationId xmlns:a16="http://schemas.microsoft.com/office/drawing/2014/main" id="{00000000-0008-0000-0600-00002B030000}"/>
            </a:ext>
          </a:extLst>
        </xdr:cNvPr>
        <xdr:cNvSpPr/>
      </xdr:nvSpPr>
      <xdr:spPr>
        <a:xfrm>
          <a:off x="20383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65076</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0199428" y="9937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167040</xdr:rowOff>
    </xdr:from>
    <xdr:to>
      <xdr:col>102</xdr:col>
      <xdr:colOff>114300</xdr:colOff>
      <xdr:row>57</xdr:row>
      <xdr:rowOff>163</xdr:rowOff>
    </xdr:to>
    <xdr:cxnSp macro="">
      <xdr:nvCxnSpPr>
        <xdr:cNvPr id="813" name="直線コネクタ 812">
          <a:extLst>
            <a:ext uri="{FF2B5EF4-FFF2-40B4-BE49-F238E27FC236}">
              <a16:creationId xmlns:a16="http://schemas.microsoft.com/office/drawing/2014/main" id="{00000000-0008-0000-0600-00002D030000}"/>
            </a:ext>
          </a:extLst>
        </xdr:cNvPr>
        <xdr:cNvCxnSpPr/>
      </xdr:nvCxnSpPr>
      <xdr:spPr>
        <a:xfrm>
          <a:off x="18656300" y="9768240"/>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58725</xdr:rowOff>
    </xdr:from>
    <xdr:to>
      <xdr:col>102</xdr:col>
      <xdr:colOff>165100</xdr:colOff>
      <xdr:row>57</xdr:row>
      <xdr:rowOff>160325</xdr:rowOff>
    </xdr:to>
    <xdr:sp macro="" textlink="">
      <xdr:nvSpPr>
        <xdr:cNvPr id="814" name="フローチャート: 判断 813">
          <a:extLst>
            <a:ext uri="{FF2B5EF4-FFF2-40B4-BE49-F238E27FC236}">
              <a16:creationId xmlns:a16="http://schemas.microsoft.com/office/drawing/2014/main" id="{00000000-0008-0000-0600-00002E030000}"/>
            </a:ext>
          </a:extLst>
        </xdr:cNvPr>
        <xdr:cNvSpPr/>
      </xdr:nvSpPr>
      <xdr:spPr>
        <a:xfrm>
          <a:off x="19494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51452</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9924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28641</xdr:rowOff>
    </xdr:from>
    <xdr:to>
      <xdr:col>98</xdr:col>
      <xdr:colOff>38100</xdr:colOff>
      <xdr:row>57</xdr:row>
      <xdr:rowOff>130241</xdr:rowOff>
    </xdr:to>
    <xdr:sp macro="" textlink="">
      <xdr:nvSpPr>
        <xdr:cNvPr id="816" name="フローチャート: 判断 815">
          <a:extLst>
            <a:ext uri="{FF2B5EF4-FFF2-40B4-BE49-F238E27FC236}">
              <a16:creationId xmlns:a16="http://schemas.microsoft.com/office/drawing/2014/main" id="{00000000-0008-0000-0600-000030030000}"/>
            </a:ext>
          </a:extLst>
        </xdr:cNvPr>
        <xdr:cNvSpPr/>
      </xdr:nvSpPr>
      <xdr:spPr>
        <a:xfrm>
          <a:off x="18605500" y="9801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21368</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98940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600-000034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600-000036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29499</xdr:rowOff>
    </xdr:from>
    <xdr:to>
      <xdr:col>116</xdr:col>
      <xdr:colOff>114300</xdr:colOff>
      <xdr:row>57</xdr:row>
      <xdr:rowOff>59649</xdr:rowOff>
    </xdr:to>
    <xdr:sp macro="" textlink="">
      <xdr:nvSpPr>
        <xdr:cNvPr id="823" name="楕円 822">
          <a:extLst>
            <a:ext uri="{FF2B5EF4-FFF2-40B4-BE49-F238E27FC236}">
              <a16:creationId xmlns:a16="http://schemas.microsoft.com/office/drawing/2014/main" id="{00000000-0008-0000-0600-000037030000}"/>
            </a:ext>
          </a:extLst>
        </xdr:cNvPr>
        <xdr:cNvSpPr/>
      </xdr:nvSpPr>
      <xdr:spPr>
        <a:xfrm>
          <a:off x="22110700" y="9730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5</xdr:row>
      <xdr:rowOff>152376</xdr:rowOff>
    </xdr:from>
    <xdr:ext cx="469744" cy="259045"/>
    <xdr:sp macro="" textlink="">
      <xdr:nvSpPr>
        <xdr:cNvPr id="824" name="貸付金該当値テキスト">
          <a:extLst>
            <a:ext uri="{FF2B5EF4-FFF2-40B4-BE49-F238E27FC236}">
              <a16:creationId xmlns:a16="http://schemas.microsoft.com/office/drawing/2014/main" id="{00000000-0008-0000-0600-000038030000}"/>
            </a:ext>
          </a:extLst>
        </xdr:cNvPr>
        <xdr:cNvSpPr txBox="1"/>
      </xdr:nvSpPr>
      <xdr:spPr>
        <a:xfrm>
          <a:off x="22212300" y="9582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27579</xdr:rowOff>
    </xdr:from>
    <xdr:to>
      <xdr:col>112</xdr:col>
      <xdr:colOff>38100</xdr:colOff>
      <xdr:row>57</xdr:row>
      <xdr:rowOff>57729</xdr:rowOff>
    </xdr:to>
    <xdr:sp macro="" textlink="">
      <xdr:nvSpPr>
        <xdr:cNvPr id="825" name="楕円 824">
          <a:extLst>
            <a:ext uri="{FF2B5EF4-FFF2-40B4-BE49-F238E27FC236}">
              <a16:creationId xmlns:a16="http://schemas.microsoft.com/office/drawing/2014/main" id="{00000000-0008-0000-0600-000039030000}"/>
            </a:ext>
          </a:extLst>
        </xdr:cNvPr>
        <xdr:cNvSpPr/>
      </xdr:nvSpPr>
      <xdr:spPr>
        <a:xfrm>
          <a:off x="21272500" y="9728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74256</xdr:rowOff>
    </xdr:from>
    <xdr:ext cx="469744" cy="259045"/>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21088428" y="95040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123830</xdr:rowOff>
    </xdr:from>
    <xdr:to>
      <xdr:col>107</xdr:col>
      <xdr:colOff>101600</xdr:colOff>
      <xdr:row>57</xdr:row>
      <xdr:rowOff>53980</xdr:rowOff>
    </xdr:to>
    <xdr:sp macro="" textlink="">
      <xdr:nvSpPr>
        <xdr:cNvPr id="827" name="楕円 826">
          <a:extLst>
            <a:ext uri="{FF2B5EF4-FFF2-40B4-BE49-F238E27FC236}">
              <a16:creationId xmlns:a16="http://schemas.microsoft.com/office/drawing/2014/main" id="{00000000-0008-0000-0600-00003B030000}"/>
            </a:ext>
          </a:extLst>
        </xdr:cNvPr>
        <xdr:cNvSpPr/>
      </xdr:nvSpPr>
      <xdr:spPr>
        <a:xfrm>
          <a:off x="20383500" y="9725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70507</xdr:rowOff>
    </xdr:from>
    <xdr:ext cx="469744" cy="259045"/>
    <xdr:sp macro="" textlink="">
      <xdr:nvSpPr>
        <xdr:cNvPr id="828" name="テキスト ボックス 827">
          <a:extLst>
            <a:ext uri="{FF2B5EF4-FFF2-40B4-BE49-F238E27FC236}">
              <a16:creationId xmlns:a16="http://schemas.microsoft.com/office/drawing/2014/main" id="{00000000-0008-0000-0600-00003C030000}"/>
            </a:ext>
          </a:extLst>
        </xdr:cNvPr>
        <xdr:cNvSpPr txBox="1"/>
      </xdr:nvSpPr>
      <xdr:spPr>
        <a:xfrm>
          <a:off x="20199428" y="950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20813</xdr:rowOff>
    </xdr:from>
    <xdr:to>
      <xdr:col>102</xdr:col>
      <xdr:colOff>165100</xdr:colOff>
      <xdr:row>57</xdr:row>
      <xdr:rowOff>50963</xdr:rowOff>
    </xdr:to>
    <xdr:sp macro="" textlink="">
      <xdr:nvSpPr>
        <xdr:cNvPr id="829" name="楕円 828">
          <a:extLst>
            <a:ext uri="{FF2B5EF4-FFF2-40B4-BE49-F238E27FC236}">
              <a16:creationId xmlns:a16="http://schemas.microsoft.com/office/drawing/2014/main" id="{00000000-0008-0000-0600-00003D030000}"/>
            </a:ext>
          </a:extLst>
        </xdr:cNvPr>
        <xdr:cNvSpPr/>
      </xdr:nvSpPr>
      <xdr:spPr>
        <a:xfrm>
          <a:off x="19494500" y="9722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67490</xdr:rowOff>
    </xdr:from>
    <xdr:ext cx="469744" cy="259045"/>
    <xdr:sp macro="" textlink="">
      <xdr:nvSpPr>
        <xdr:cNvPr id="830" name="テキスト ボックス 829">
          <a:extLst>
            <a:ext uri="{FF2B5EF4-FFF2-40B4-BE49-F238E27FC236}">
              <a16:creationId xmlns:a16="http://schemas.microsoft.com/office/drawing/2014/main" id="{00000000-0008-0000-0600-00003E030000}"/>
            </a:ext>
          </a:extLst>
        </xdr:cNvPr>
        <xdr:cNvSpPr txBox="1"/>
      </xdr:nvSpPr>
      <xdr:spPr>
        <a:xfrm>
          <a:off x="19310428" y="94972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16240</xdr:rowOff>
    </xdr:from>
    <xdr:to>
      <xdr:col>98</xdr:col>
      <xdr:colOff>38100</xdr:colOff>
      <xdr:row>57</xdr:row>
      <xdr:rowOff>46390</xdr:rowOff>
    </xdr:to>
    <xdr:sp macro="" textlink="">
      <xdr:nvSpPr>
        <xdr:cNvPr id="831" name="楕円 830">
          <a:extLst>
            <a:ext uri="{FF2B5EF4-FFF2-40B4-BE49-F238E27FC236}">
              <a16:creationId xmlns:a16="http://schemas.microsoft.com/office/drawing/2014/main" id="{00000000-0008-0000-0600-00003F030000}"/>
            </a:ext>
          </a:extLst>
        </xdr:cNvPr>
        <xdr:cNvSpPr/>
      </xdr:nvSpPr>
      <xdr:spPr>
        <a:xfrm>
          <a:off x="18605500" y="9717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62917</xdr:rowOff>
    </xdr:from>
    <xdr:ext cx="469744" cy="259045"/>
    <xdr:sp macro="" textlink="">
      <xdr:nvSpPr>
        <xdr:cNvPr id="832" name="テキスト ボックス 831">
          <a:extLst>
            <a:ext uri="{FF2B5EF4-FFF2-40B4-BE49-F238E27FC236}">
              <a16:creationId xmlns:a16="http://schemas.microsoft.com/office/drawing/2014/main" id="{00000000-0008-0000-0600-000040030000}"/>
            </a:ext>
          </a:extLst>
        </xdr:cNvPr>
        <xdr:cNvSpPr txBox="1"/>
      </xdr:nvSpPr>
      <xdr:spPr>
        <a:xfrm>
          <a:off x="18421428" y="9492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4" name="正方形/長方形 833">
          <a:extLst>
            <a:ext uri="{FF2B5EF4-FFF2-40B4-BE49-F238E27FC236}">
              <a16:creationId xmlns:a16="http://schemas.microsoft.com/office/drawing/2014/main" id="{00000000-0008-0000-0600-000042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5" name="正方形/長方形 834">
          <a:extLst>
            <a:ext uri="{FF2B5EF4-FFF2-40B4-BE49-F238E27FC236}">
              <a16:creationId xmlns:a16="http://schemas.microsoft.com/office/drawing/2014/main" id="{00000000-0008-0000-0600-000043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6" name="正方形/長方形 835">
          <a:extLst>
            <a:ext uri="{FF2B5EF4-FFF2-40B4-BE49-F238E27FC236}">
              <a16:creationId xmlns:a16="http://schemas.microsoft.com/office/drawing/2014/main" id="{00000000-0008-0000-0600-000044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7" name="正方形/長方形 836">
          <a:extLst>
            <a:ext uri="{FF2B5EF4-FFF2-40B4-BE49-F238E27FC236}">
              <a16:creationId xmlns:a16="http://schemas.microsoft.com/office/drawing/2014/main" id="{00000000-0008-0000-0600-000045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8" name="正方形/長方形 837">
          <a:extLst>
            <a:ext uri="{FF2B5EF4-FFF2-40B4-BE49-F238E27FC236}">
              <a16:creationId xmlns:a16="http://schemas.microsoft.com/office/drawing/2014/main" id="{00000000-0008-0000-0600-000046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9" name="正方形/長方形 838">
          <a:extLst>
            <a:ext uri="{FF2B5EF4-FFF2-40B4-BE49-F238E27FC236}">
              <a16:creationId xmlns:a16="http://schemas.microsoft.com/office/drawing/2014/main" id="{00000000-0008-0000-0600-000047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5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40" name="正方形/長方形 839">
          <a:extLst>
            <a:ext uri="{FF2B5EF4-FFF2-40B4-BE49-F238E27FC236}">
              <a16:creationId xmlns:a16="http://schemas.microsoft.com/office/drawing/2014/main" id="{00000000-0008-0000-0600-000048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2" name="直線コネクタ 841">
          <a:extLst>
            <a:ext uri="{FF2B5EF4-FFF2-40B4-BE49-F238E27FC236}">
              <a16:creationId xmlns:a16="http://schemas.microsoft.com/office/drawing/2014/main" id="{00000000-0008-0000-0600-00004A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3" name="テキスト ボックス 842">
          <a:extLst>
            <a:ext uri="{FF2B5EF4-FFF2-40B4-BE49-F238E27FC236}">
              <a16:creationId xmlns:a16="http://schemas.microsoft.com/office/drawing/2014/main" id="{00000000-0008-0000-0600-00004B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139700</xdr:rowOff>
    </xdr:from>
    <xdr:to>
      <xdr:col>120</xdr:col>
      <xdr:colOff>114300</xdr:colOff>
      <xdr:row>79</xdr:row>
      <xdr:rowOff>139700</xdr:rowOff>
    </xdr:to>
    <xdr:cxnSp macro="">
      <xdr:nvCxnSpPr>
        <xdr:cNvPr id="844" name="直線コネクタ 843">
          <a:extLst>
            <a:ext uri="{FF2B5EF4-FFF2-40B4-BE49-F238E27FC236}">
              <a16:creationId xmlns:a16="http://schemas.microsoft.com/office/drawing/2014/main" id="{00000000-0008-0000-0600-00004C030000}"/>
            </a:ext>
          </a:extLst>
        </xdr:cNvPr>
        <xdr:cNvCxnSpPr/>
      </xdr:nvCxnSpPr>
      <xdr:spPr>
        <a:xfrm>
          <a:off x="18288000" y="1368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168927</xdr:rowOff>
    </xdr:from>
    <xdr:ext cx="531299" cy="259045"/>
    <xdr:sp macro="" textlink="">
      <xdr:nvSpPr>
        <xdr:cNvPr id="845" name="テキスト ボックス 844">
          <a:extLst>
            <a:ext uri="{FF2B5EF4-FFF2-40B4-BE49-F238E27FC236}">
              <a16:creationId xmlns:a16="http://schemas.microsoft.com/office/drawing/2014/main" id="{00000000-0008-0000-0600-00004D030000}"/>
            </a:ext>
          </a:extLst>
        </xdr:cNvPr>
        <xdr:cNvSpPr txBox="1"/>
      </xdr:nvSpPr>
      <xdr:spPr>
        <a:xfrm>
          <a:off x="17756701" y="13542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25400</xdr:rowOff>
    </xdr:from>
    <xdr:to>
      <xdr:col>120</xdr:col>
      <xdr:colOff>114300</xdr:colOff>
      <xdr:row>78</xdr:row>
      <xdr:rowOff>25400</xdr:rowOff>
    </xdr:to>
    <xdr:cxnSp macro="">
      <xdr:nvCxnSpPr>
        <xdr:cNvPr id="846" name="直線コネクタ 845">
          <a:extLst>
            <a:ext uri="{FF2B5EF4-FFF2-40B4-BE49-F238E27FC236}">
              <a16:creationId xmlns:a16="http://schemas.microsoft.com/office/drawing/2014/main" id="{00000000-0008-0000-0600-00004E030000}"/>
            </a:ext>
          </a:extLst>
        </xdr:cNvPr>
        <xdr:cNvCxnSpPr/>
      </xdr:nvCxnSpPr>
      <xdr:spPr>
        <a:xfrm>
          <a:off x="18288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54627</xdr:rowOff>
    </xdr:from>
    <xdr:ext cx="531299" cy="259045"/>
    <xdr:sp macro="" textlink="">
      <xdr:nvSpPr>
        <xdr:cNvPr id="847" name="テキスト ボックス 846">
          <a:extLst>
            <a:ext uri="{FF2B5EF4-FFF2-40B4-BE49-F238E27FC236}">
              <a16:creationId xmlns:a16="http://schemas.microsoft.com/office/drawing/2014/main" id="{00000000-0008-0000-0600-00004F030000}"/>
            </a:ext>
          </a:extLst>
        </xdr:cNvPr>
        <xdr:cNvSpPr txBox="1"/>
      </xdr:nvSpPr>
      <xdr:spPr>
        <a:xfrm>
          <a:off x="17756701" y="13256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82550</xdr:rowOff>
    </xdr:from>
    <xdr:to>
      <xdr:col>120</xdr:col>
      <xdr:colOff>114300</xdr:colOff>
      <xdr:row>76</xdr:row>
      <xdr:rowOff>82550</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a:off x="18288000" y="1311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111777</xdr:rowOff>
    </xdr:from>
    <xdr:ext cx="531299" cy="259045"/>
    <xdr:sp macro="" textlink="">
      <xdr:nvSpPr>
        <xdr:cNvPr id="849" name="テキスト ボックス 848">
          <a:extLst>
            <a:ext uri="{FF2B5EF4-FFF2-40B4-BE49-F238E27FC236}">
              <a16:creationId xmlns:a16="http://schemas.microsoft.com/office/drawing/2014/main" id="{00000000-0008-0000-0600-000051030000}"/>
            </a:ext>
          </a:extLst>
        </xdr:cNvPr>
        <xdr:cNvSpPr txBox="1"/>
      </xdr:nvSpPr>
      <xdr:spPr>
        <a:xfrm>
          <a:off x="17756701" y="12970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51" name="テキスト ボックス 850">
          <a:extLst>
            <a:ext uri="{FF2B5EF4-FFF2-40B4-BE49-F238E27FC236}">
              <a16:creationId xmlns:a16="http://schemas.microsoft.com/office/drawing/2014/main" id="{00000000-0008-0000-0600-000053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25400</xdr:rowOff>
    </xdr:from>
    <xdr:to>
      <xdr:col>120</xdr:col>
      <xdr:colOff>114300</xdr:colOff>
      <xdr:row>73</xdr:row>
      <xdr:rowOff>25400</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18288000" y="1254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54627</xdr:rowOff>
    </xdr:from>
    <xdr:ext cx="531299"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17756701" y="12399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82550</xdr:rowOff>
    </xdr:from>
    <xdr:to>
      <xdr:col>120</xdr:col>
      <xdr:colOff>114300</xdr:colOff>
      <xdr:row>71</xdr:row>
      <xdr:rowOff>82550</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8288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0</xdr:row>
      <xdr:rowOff>111777</xdr:rowOff>
    </xdr:from>
    <xdr:ext cx="531299" cy="259045"/>
    <xdr:sp macro="" textlink="">
      <xdr:nvSpPr>
        <xdr:cNvPr id="855" name="テキスト ボックス 854">
          <a:extLst>
            <a:ext uri="{FF2B5EF4-FFF2-40B4-BE49-F238E27FC236}">
              <a16:creationId xmlns:a16="http://schemas.microsoft.com/office/drawing/2014/main" id="{00000000-0008-0000-0600-000057030000}"/>
            </a:ext>
          </a:extLst>
        </xdr:cNvPr>
        <xdr:cNvSpPr txBox="1"/>
      </xdr:nvSpPr>
      <xdr:spPr>
        <a:xfrm>
          <a:off x="17756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9</xdr:row>
      <xdr:rowOff>139700</xdr:rowOff>
    </xdr:from>
    <xdr:to>
      <xdr:col>120</xdr:col>
      <xdr:colOff>114300</xdr:colOff>
      <xdr:row>69</xdr:row>
      <xdr:rowOff>139700</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a:off x="18288000" y="1196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8</xdr:row>
      <xdr:rowOff>168927</xdr:rowOff>
    </xdr:from>
    <xdr:ext cx="531299" cy="259045"/>
    <xdr:sp macro="" textlink="">
      <xdr:nvSpPr>
        <xdr:cNvPr id="857" name="テキスト ボックス 856">
          <a:extLst>
            <a:ext uri="{FF2B5EF4-FFF2-40B4-BE49-F238E27FC236}">
              <a16:creationId xmlns:a16="http://schemas.microsoft.com/office/drawing/2014/main" id="{00000000-0008-0000-0600-000059030000}"/>
            </a:ext>
          </a:extLst>
        </xdr:cNvPr>
        <xdr:cNvSpPr txBox="1"/>
      </xdr:nvSpPr>
      <xdr:spPr>
        <a:xfrm>
          <a:off x="17756701" y="11827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8" name="直線コネクタ 857">
          <a:extLst>
            <a:ext uri="{FF2B5EF4-FFF2-40B4-BE49-F238E27FC236}">
              <a16:creationId xmlns:a16="http://schemas.microsoft.com/office/drawing/2014/main" id="{00000000-0008-0000-0600-00005A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60" name="繰出金グラフ枠">
          <a:extLst>
            <a:ext uri="{FF2B5EF4-FFF2-40B4-BE49-F238E27FC236}">
              <a16:creationId xmlns:a16="http://schemas.microsoft.com/office/drawing/2014/main" id="{00000000-0008-0000-0600-00005C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38652</xdr:rowOff>
    </xdr:from>
    <xdr:to>
      <xdr:col>116</xdr:col>
      <xdr:colOff>62864</xdr:colOff>
      <xdr:row>78</xdr:row>
      <xdr:rowOff>149797</xdr:rowOff>
    </xdr:to>
    <xdr:cxnSp macro="">
      <xdr:nvCxnSpPr>
        <xdr:cNvPr id="861" name="直線コネクタ 860">
          <a:extLst>
            <a:ext uri="{FF2B5EF4-FFF2-40B4-BE49-F238E27FC236}">
              <a16:creationId xmlns:a16="http://schemas.microsoft.com/office/drawing/2014/main" id="{00000000-0008-0000-0600-00005D030000}"/>
            </a:ext>
          </a:extLst>
        </xdr:cNvPr>
        <xdr:cNvCxnSpPr/>
      </xdr:nvCxnSpPr>
      <xdr:spPr>
        <a:xfrm flipV="1">
          <a:off x="22159595" y="12140152"/>
          <a:ext cx="1269" cy="1382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3624</xdr:rowOff>
    </xdr:from>
    <xdr:ext cx="534377" cy="259045"/>
    <xdr:sp macro="" textlink="">
      <xdr:nvSpPr>
        <xdr:cNvPr id="862" name="繰出金最小値テキスト">
          <a:extLst>
            <a:ext uri="{FF2B5EF4-FFF2-40B4-BE49-F238E27FC236}">
              <a16:creationId xmlns:a16="http://schemas.microsoft.com/office/drawing/2014/main" id="{00000000-0008-0000-0600-00005E030000}"/>
            </a:ext>
          </a:extLst>
        </xdr:cNvPr>
        <xdr:cNvSpPr txBox="1"/>
      </xdr:nvSpPr>
      <xdr:spPr>
        <a:xfrm>
          <a:off x="22212300" y="1352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49797</xdr:rowOff>
    </xdr:from>
    <xdr:to>
      <xdr:col>116</xdr:col>
      <xdr:colOff>152400</xdr:colOff>
      <xdr:row>78</xdr:row>
      <xdr:rowOff>149797</xdr:rowOff>
    </xdr:to>
    <xdr:cxnSp macro="">
      <xdr:nvCxnSpPr>
        <xdr:cNvPr id="863" name="直線コネクタ 862">
          <a:extLst>
            <a:ext uri="{FF2B5EF4-FFF2-40B4-BE49-F238E27FC236}">
              <a16:creationId xmlns:a16="http://schemas.microsoft.com/office/drawing/2014/main" id="{00000000-0008-0000-0600-00005F030000}"/>
            </a:ext>
          </a:extLst>
        </xdr:cNvPr>
        <xdr:cNvCxnSpPr/>
      </xdr:nvCxnSpPr>
      <xdr:spPr>
        <a:xfrm>
          <a:off x="22072600" y="13522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85329</xdr:rowOff>
    </xdr:from>
    <xdr:ext cx="534377" cy="259045"/>
    <xdr:sp macro="" textlink="">
      <xdr:nvSpPr>
        <xdr:cNvPr id="864" name="繰出金最大値テキスト">
          <a:extLst>
            <a:ext uri="{FF2B5EF4-FFF2-40B4-BE49-F238E27FC236}">
              <a16:creationId xmlns:a16="http://schemas.microsoft.com/office/drawing/2014/main" id="{00000000-0008-0000-0600-000060030000}"/>
            </a:ext>
          </a:extLst>
        </xdr:cNvPr>
        <xdr:cNvSpPr txBox="1"/>
      </xdr:nvSpPr>
      <xdr:spPr>
        <a:xfrm>
          <a:off x="22212300" y="11915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2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38652</xdr:rowOff>
    </xdr:from>
    <xdr:to>
      <xdr:col>116</xdr:col>
      <xdr:colOff>152400</xdr:colOff>
      <xdr:row>70</xdr:row>
      <xdr:rowOff>138652</xdr:rowOff>
    </xdr:to>
    <xdr:cxnSp macro="">
      <xdr:nvCxnSpPr>
        <xdr:cNvPr id="865" name="直線コネクタ 864">
          <a:extLst>
            <a:ext uri="{FF2B5EF4-FFF2-40B4-BE49-F238E27FC236}">
              <a16:creationId xmlns:a16="http://schemas.microsoft.com/office/drawing/2014/main" id="{00000000-0008-0000-0600-000061030000}"/>
            </a:ext>
          </a:extLst>
        </xdr:cNvPr>
        <xdr:cNvCxnSpPr/>
      </xdr:nvCxnSpPr>
      <xdr:spPr>
        <a:xfrm>
          <a:off x="22072600" y="12140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41795</xdr:rowOff>
    </xdr:from>
    <xdr:to>
      <xdr:col>116</xdr:col>
      <xdr:colOff>63500</xdr:colOff>
      <xdr:row>75</xdr:row>
      <xdr:rowOff>8160</xdr:rowOff>
    </xdr:to>
    <xdr:cxnSp macro="">
      <xdr:nvCxnSpPr>
        <xdr:cNvPr id="866" name="直線コネクタ 865">
          <a:extLst>
            <a:ext uri="{FF2B5EF4-FFF2-40B4-BE49-F238E27FC236}">
              <a16:creationId xmlns:a16="http://schemas.microsoft.com/office/drawing/2014/main" id="{00000000-0008-0000-0600-000062030000}"/>
            </a:ext>
          </a:extLst>
        </xdr:cNvPr>
        <xdr:cNvCxnSpPr/>
      </xdr:nvCxnSpPr>
      <xdr:spPr>
        <a:xfrm>
          <a:off x="21323300" y="12829095"/>
          <a:ext cx="838200" cy="378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10368</xdr:rowOff>
    </xdr:from>
    <xdr:ext cx="534377" cy="259045"/>
    <xdr:sp macro="" textlink="">
      <xdr:nvSpPr>
        <xdr:cNvPr id="867" name="繰出金平均値テキスト">
          <a:extLst>
            <a:ext uri="{FF2B5EF4-FFF2-40B4-BE49-F238E27FC236}">
              <a16:creationId xmlns:a16="http://schemas.microsoft.com/office/drawing/2014/main" id="{00000000-0008-0000-0600-000063030000}"/>
            </a:ext>
          </a:extLst>
        </xdr:cNvPr>
        <xdr:cNvSpPr txBox="1"/>
      </xdr:nvSpPr>
      <xdr:spPr>
        <a:xfrm>
          <a:off x="22212300" y="1304056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31941</xdr:rowOff>
    </xdr:from>
    <xdr:to>
      <xdr:col>116</xdr:col>
      <xdr:colOff>114300</xdr:colOff>
      <xdr:row>76</xdr:row>
      <xdr:rowOff>133541</xdr:rowOff>
    </xdr:to>
    <xdr:sp macro="" textlink="">
      <xdr:nvSpPr>
        <xdr:cNvPr id="868" name="フローチャート: 判断 867">
          <a:extLst>
            <a:ext uri="{FF2B5EF4-FFF2-40B4-BE49-F238E27FC236}">
              <a16:creationId xmlns:a16="http://schemas.microsoft.com/office/drawing/2014/main" id="{00000000-0008-0000-0600-000064030000}"/>
            </a:ext>
          </a:extLst>
        </xdr:cNvPr>
        <xdr:cNvSpPr/>
      </xdr:nvSpPr>
      <xdr:spPr>
        <a:xfrm>
          <a:off x="22110700" y="13062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41795</xdr:rowOff>
    </xdr:from>
    <xdr:to>
      <xdr:col>111</xdr:col>
      <xdr:colOff>177800</xdr:colOff>
      <xdr:row>74</xdr:row>
      <xdr:rowOff>147225</xdr:rowOff>
    </xdr:to>
    <xdr:cxnSp macro="">
      <xdr:nvCxnSpPr>
        <xdr:cNvPr id="869" name="直線コネクタ 868">
          <a:extLst>
            <a:ext uri="{FF2B5EF4-FFF2-40B4-BE49-F238E27FC236}">
              <a16:creationId xmlns:a16="http://schemas.microsoft.com/office/drawing/2014/main" id="{00000000-0008-0000-0600-000065030000}"/>
            </a:ext>
          </a:extLst>
        </xdr:cNvPr>
        <xdr:cNvCxnSpPr/>
      </xdr:nvCxnSpPr>
      <xdr:spPr>
        <a:xfrm flipV="1">
          <a:off x="20434300" y="12829095"/>
          <a:ext cx="889000" cy="5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60325</xdr:rowOff>
    </xdr:from>
    <xdr:to>
      <xdr:col>112</xdr:col>
      <xdr:colOff>38100</xdr:colOff>
      <xdr:row>76</xdr:row>
      <xdr:rowOff>161925</xdr:rowOff>
    </xdr:to>
    <xdr:sp macro="" textlink="">
      <xdr:nvSpPr>
        <xdr:cNvPr id="870" name="フローチャート: 判断 869">
          <a:extLst>
            <a:ext uri="{FF2B5EF4-FFF2-40B4-BE49-F238E27FC236}">
              <a16:creationId xmlns:a16="http://schemas.microsoft.com/office/drawing/2014/main" id="{00000000-0008-0000-0600-000066030000}"/>
            </a:ext>
          </a:extLst>
        </xdr:cNvPr>
        <xdr:cNvSpPr/>
      </xdr:nvSpPr>
      <xdr:spPr>
        <a:xfrm>
          <a:off x="21272500" y="13090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53052</xdr:rowOff>
    </xdr:from>
    <xdr:ext cx="534377"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21056111" y="13183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43688</xdr:rowOff>
    </xdr:from>
    <xdr:to>
      <xdr:col>107</xdr:col>
      <xdr:colOff>50800</xdr:colOff>
      <xdr:row>74</xdr:row>
      <xdr:rowOff>147225</xdr:rowOff>
    </xdr:to>
    <xdr:cxnSp macro="">
      <xdr:nvCxnSpPr>
        <xdr:cNvPr id="872" name="直線コネクタ 871">
          <a:extLst>
            <a:ext uri="{FF2B5EF4-FFF2-40B4-BE49-F238E27FC236}">
              <a16:creationId xmlns:a16="http://schemas.microsoft.com/office/drawing/2014/main" id="{00000000-0008-0000-0600-000068030000}"/>
            </a:ext>
          </a:extLst>
        </xdr:cNvPr>
        <xdr:cNvCxnSpPr/>
      </xdr:nvCxnSpPr>
      <xdr:spPr>
        <a:xfrm>
          <a:off x="19545300" y="12730988"/>
          <a:ext cx="889000" cy="103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20796</xdr:rowOff>
    </xdr:from>
    <xdr:to>
      <xdr:col>107</xdr:col>
      <xdr:colOff>101600</xdr:colOff>
      <xdr:row>76</xdr:row>
      <xdr:rowOff>122396</xdr:rowOff>
    </xdr:to>
    <xdr:sp macro="" textlink="">
      <xdr:nvSpPr>
        <xdr:cNvPr id="873" name="フローチャート: 判断 872">
          <a:extLst>
            <a:ext uri="{FF2B5EF4-FFF2-40B4-BE49-F238E27FC236}">
              <a16:creationId xmlns:a16="http://schemas.microsoft.com/office/drawing/2014/main" id="{00000000-0008-0000-0600-000069030000}"/>
            </a:ext>
          </a:extLst>
        </xdr:cNvPr>
        <xdr:cNvSpPr/>
      </xdr:nvSpPr>
      <xdr:spPr>
        <a:xfrm>
          <a:off x="20383500" y="13050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13523</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20167111" y="131437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3</xdr:row>
      <xdr:rowOff>127889</xdr:rowOff>
    </xdr:from>
    <xdr:to>
      <xdr:col>102</xdr:col>
      <xdr:colOff>114300</xdr:colOff>
      <xdr:row>74</xdr:row>
      <xdr:rowOff>43688</xdr:rowOff>
    </xdr:to>
    <xdr:cxnSp macro="">
      <xdr:nvCxnSpPr>
        <xdr:cNvPr id="875" name="直線コネクタ 874">
          <a:extLst>
            <a:ext uri="{FF2B5EF4-FFF2-40B4-BE49-F238E27FC236}">
              <a16:creationId xmlns:a16="http://schemas.microsoft.com/office/drawing/2014/main" id="{00000000-0008-0000-0600-00006B030000}"/>
            </a:ext>
          </a:extLst>
        </xdr:cNvPr>
        <xdr:cNvCxnSpPr/>
      </xdr:nvCxnSpPr>
      <xdr:spPr>
        <a:xfrm>
          <a:off x="18656300" y="12643739"/>
          <a:ext cx="889000" cy="87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3573</xdr:rowOff>
    </xdr:from>
    <xdr:to>
      <xdr:col>102</xdr:col>
      <xdr:colOff>165100</xdr:colOff>
      <xdr:row>75</xdr:row>
      <xdr:rowOff>73723</xdr:rowOff>
    </xdr:to>
    <xdr:sp macro="" textlink="">
      <xdr:nvSpPr>
        <xdr:cNvPr id="876" name="フローチャート: 判断 875">
          <a:extLst>
            <a:ext uri="{FF2B5EF4-FFF2-40B4-BE49-F238E27FC236}">
              <a16:creationId xmlns:a16="http://schemas.microsoft.com/office/drawing/2014/main" id="{00000000-0008-0000-0600-00006C030000}"/>
            </a:ext>
          </a:extLst>
        </xdr:cNvPr>
        <xdr:cNvSpPr/>
      </xdr:nvSpPr>
      <xdr:spPr>
        <a:xfrm>
          <a:off x="19494500" y="12830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64850</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19278111" y="12923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55956</xdr:rowOff>
    </xdr:from>
    <xdr:to>
      <xdr:col>98</xdr:col>
      <xdr:colOff>38100</xdr:colOff>
      <xdr:row>75</xdr:row>
      <xdr:rowOff>86106</xdr:rowOff>
    </xdr:to>
    <xdr:sp macro="" textlink="">
      <xdr:nvSpPr>
        <xdr:cNvPr id="878" name="フローチャート: 判断 877">
          <a:extLst>
            <a:ext uri="{FF2B5EF4-FFF2-40B4-BE49-F238E27FC236}">
              <a16:creationId xmlns:a16="http://schemas.microsoft.com/office/drawing/2014/main" id="{00000000-0008-0000-0600-00006E030000}"/>
            </a:ext>
          </a:extLst>
        </xdr:cNvPr>
        <xdr:cNvSpPr/>
      </xdr:nvSpPr>
      <xdr:spPr>
        <a:xfrm>
          <a:off x="18605500" y="12843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77233</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8389111" y="12935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80" name="テキスト ボックス 879">
          <a:extLst>
            <a:ext uri="{FF2B5EF4-FFF2-40B4-BE49-F238E27FC236}">
              <a16:creationId xmlns:a16="http://schemas.microsoft.com/office/drawing/2014/main" id="{00000000-0008-0000-0600-000070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82" name="テキスト ボックス 881">
          <a:extLst>
            <a:ext uri="{FF2B5EF4-FFF2-40B4-BE49-F238E27FC236}">
              <a16:creationId xmlns:a16="http://schemas.microsoft.com/office/drawing/2014/main" id="{00000000-0008-0000-0600-000072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83" name="テキスト ボックス 882">
          <a:extLst>
            <a:ext uri="{FF2B5EF4-FFF2-40B4-BE49-F238E27FC236}">
              <a16:creationId xmlns:a16="http://schemas.microsoft.com/office/drawing/2014/main" id="{00000000-0008-0000-0600-000073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84" name="テキスト ボックス 883">
          <a:extLst>
            <a:ext uri="{FF2B5EF4-FFF2-40B4-BE49-F238E27FC236}">
              <a16:creationId xmlns:a16="http://schemas.microsoft.com/office/drawing/2014/main" id="{00000000-0008-0000-0600-000074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28810</xdr:rowOff>
    </xdr:from>
    <xdr:to>
      <xdr:col>116</xdr:col>
      <xdr:colOff>114300</xdr:colOff>
      <xdr:row>75</xdr:row>
      <xdr:rowOff>58960</xdr:rowOff>
    </xdr:to>
    <xdr:sp macro="" textlink="">
      <xdr:nvSpPr>
        <xdr:cNvPr id="885" name="楕円 884">
          <a:extLst>
            <a:ext uri="{FF2B5EF4-FFF2-40B4-BE49-F238E27FC236}">
              <a16:creationId xmlns:a16="http://schemas.microsoft.com/office/drawing/2014/main" id="{00000000-0008-0000-0600-000075030000}"/>
            </a:ext>
          </a:extLst>
        </xdr:cNvPr>
        <xdr:cNvSpPr/>
      </xdr:nvSpPr>
      <xdr:spPr>
        <a:xfrm>
          <a:off x="22110700" y="12816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3</xdr:row>
      <xdr:rowOff>151687</xdr:rowOff>
    </xdr:from>
    <xdr:ext cx="534377" cy="259045"/>
    <xdr:sp macro="" textlink="">
      <xdr:nvSpPr>
        <xdr:cNvPr id="886" name="繰出金該当値テキスト">
          <a:extLst>
            <a:ext uri="{FF2B5EF4-FFF2-40B4-BE49-F238E27FC236}">
              <a16:creationId xmlns:a16="http://schemas.microsoft.com/office/drawing/2014/main" id="{00000000-0008-0000-0600-000076030000}"/>
            </a:ext>
          </a:extLst>
        </xdr:cNvPr>
        <xdr:cNvSpPr txBox="1"/>
      </xdr:nvSpPr>
      <xdr:spPr>
        <a:xfrm>
          <a:off x="22212300" y="12667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90995</xdr:rowOff>
    </xdr:from>
    <xdr:to>
      <xdr:col>112</xdr:col>
      <xdr:colOff>38100</xdr:colOff>
      <xdr:row>75</xdr:row>
      <xdr:rowOff>21145</xdr:rowOff>
    </xdr:to>
    <xdr:sp macro="" textlink="">
      <xdr:nvSpPr>
        <xdr:cNvPr id="887" name="楕円 886">
          <a:extLst>
            <a:ext uri="{FF2B5EF4-FFF2-40B4-BE49-F238E27FC236}">
              <a16:creationId xmlns:a16="http://schemas.microsoft.com/office/drawing/2014/main" id="{00000000-0008-0000-0600-000077030000}"/>
            </a:ext>
          </a:extLst>
        </xdr:cNvPr>
        <xdr:cNvSpPr/>
      </xdr:nvSpPr>
      <xdr:spPr>
        <a:xfrm>
          <a:off x="21272500" y="12778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37672</xdr:rowOff>
    </xdr:from>
    <xdr:ext cx="534377"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21056111" y="12553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96425</xdr:rowOff>
    </xdr:from>
    <xdr:to>
      <xdr:col>107</xdr:col>
      <xdr:colOff>101600</xdr:colOff>
      <xdr:row>75</xdr:row>
      <xdr:rowOff>26575</xdr:rowOff>
    </xdr:to>
    <xdr:sp macro="" textlink="">
      <xdr:nvSpPr>
        <xdr:cNvPr id="889" name="楕円 888">
          <a:extLst>
            <a:ext uri="{FF2B5EF4-FFF2-40B4-BE49-F238E27FC236}">
              <a16:creationId xmlns:a16="http://schemas.microsoft.com/office/drawing/2014/main" id="{00000000-0008-0000-0600-000079030000}"/>
            </a:ext>
          </a:extLst>
        </xdr:cNvPr>
        <xdr:cNvSpPr/>
      </xdr:nvSpPr>
      <xdr:spPr>
        <a:xfrm>
          <a:off x="20383500" y="12783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43102</xdr:rowOff>
    </xdr:from>
    <xdr:ext cx="534377"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20167111" y="12558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3</xdr:row>
      <xdr:rowOff>164338</xdr:rowOff>
    </xdr:from>
    <xdr:to>
      <xdr:col>102</xdr:col>
      <xdr:colOff>165100</xdr:colOff>
      <xdr:row>74</xdr:row>
      <xdr:rowOff>94488</xdr:rowOff>
    </xdr:to>
    <xdr:sp macro="" textlink="">
      <xdr:nvSpPr>
        <xdr:cNvPr id="891" name="楕円 890">
          <a:extLst>
            <a:ext uri="{FF2B5EF4-FFF2-40B4-BE49-F238E27FC236}">
              <a16:creationId xmlns:a16="http://schemas.microsoft.com/office/drawing/2014/main" id="{00000000-0008-0000-0600-00007B030000}"/>
            </a:ext>
          </a:extLst>
        </xdr:cNvPr>
        <xdr:cNvSpPr/>
      </xdr:nvSpPr>
      <xdr:spPr>
        <a:xfrm>
          <a:off x="19494500" y="126801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11015</xdr:rowOff>
    </xdr:from>
    <xdr:ext cx="534377" cy="259045"/>
    <xdr:sp macro="" textlink="">
      <xdr:nvSpPr>
        <xdr:cNvPr id="892" name="テキスト ボックス 891">
          <a:extLst>
            <a:ext uri="{FF2B5EF4-FFF2-40B4-BE49-F238E27FC236}">
              <a16:creationId xmlns:a16="http://schemas.microsoft.com/office/drawing/2014/main" id="{00000000-0008-0000-0600-00007C030000}"/>
            </a:ext>
          </a:extLst>
        </xdr:cNvPr>
        <xdr:cNvSpPr txBox="1"/>
      </xdr:nvSpPr>
      <xdr:spPr>
        <a:xfrm>
          <a:off x="19278111" y="12455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77089</xdr:rowOff>
    </xdr:from>
    <xdr:to>
      <xdr:col>98</xdr:col>
      <xdr:colOff>38100</xdr:colOff>
      <xdr:row>74</xdr:row>
      <xdr:rowOff>7239</xdr:rowOff>
    </xdr:to>
    <xdr:sp macro="" textlink="">
      <xdr:nvSpPr>
        <xdr:cNvPr id="893" name="楕円 892">
          <a:extLst>
            <a:ext uri="{FF2B5EF4-FFF2-40B4-BE49-F238E27FC236}">
              <a16:creationId xmlns:a16="http://schemas.microsoft.com/office/drawing/2014/main" id="{00000000-0008-0000-0600-00007D030000}"/>
            </a:ext>
          </a:extLst>
        </xdr:cNvPr>
        <xdr:cNvSpPr/>
      </xdr:nvSpPr>
      <xdr:spPr>
        <a:xfrm>
          <a:off x="18605500" y="1259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23766</xdr:rowOff>
    </xdr:from>
    <xdr:ext cx="534377" cy="259045"/>
    <xdr:sp macro="" textlink="">
      <xdr:nvSpPr>
        <xdr:cNvPr id="894" name="テキスト ボックス 893">
          <a:extLst>
            <a:ext uri="{FF2B5EF4-FFF2-40B4-BE49-F238E27FC236}">
              <a16:creationId xmlns:a16="http://schemas.microsoft.com/office/drawing/2014/main" id="{00000000-0008-0000-0600-00007E030000}"/>
            </a:ext>
          </a:extLst>
        </xdr:cNvPr>
        <xdr:cNvSpPr txBox="1"/>
      </xdr:nvSpPr>
      <xdr:spPr>
        <a:xfrm>
          <a:off x="18389111" y="12368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5" name="正方形/長方形 894">
          <a:extLst>
            <a:ext uri="{FF2B5EF4-FFF2-40B4-BE49-F238E27FC236}">
              <a16:creationId xmlns:a16="http://schemas.microsoft.com/office/drawing/2014/main" id="{00000000-0008-0000-0600-00007F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6" name="正方形/長方形 895">
          <a:extLst>
            <a:ext uri="{FF2B5EF4-FFF2-40B4-BE49-F238E27FC236}">
              <a16:creationId xmlns:a16="http://schemas.microsoft.com/office/drawing/2014/main" id="{00000000-0008-0000-0600-000080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7" name="正方形/長方形 896">
          <a:extLst>
            <a:ext uri="{FF2B5EF4-FFF2-40B4-BE49-F238E27FC236}">
              <a16:creationId xmlns:a16="http://schemas.microsoft.com/office/drawing/2014/main" id="{00000000-0008-0000-0600-000081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8" name="正方形/長方形 897">
          <a:extLst>
            <a:ext uri="{FF2B5EF4-FFF2-40B4-BE49-F238E27FC236}">
              <a16:creationId xmlns:a16="http://schemas.microsoft.com/office/drawing/2014/main" id="{00000000-0008-0000-0600-000082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9" name="正方形/長方形 898">
          <a:extLst>
            <a:ext uri="{FF2B5EF4-FFF2-40B4-BE49-F238E27FC236}">
              <a16:creationId xmlns:a16="http://schemas.microsoft.com/office/drawing/2014/main" id="{00000000-0008-0000-0600-000083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900" name="正方形/長方形 899">
          <a:extLst>
            <a:ext uri="{FF2B5EF4-FFF2-40B4-BE49-F238E27FC236}">
              <a16:creationId xmlns:a16="http://schemas.microsoft.com/office/drawing/2014/main" id="{00000000-0008-0000-0600-000084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901" name="正方形/長方形 900">
          <a:extLst>
            <a:ext uri="{FF2B5EF4-FFF2-40B4-BE49-F238E27FC236}">
              <a16:creationId xmlns:a16="http://schemas.microsoft.com/office/drawing/2014/main" id="{00000000-0008-0000-0600-000085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902" name="正方形/長方形 901">
          <a:extLst>
            <a:ext uri="{FF2B5EF4-FFF2-40B4-BE49-F238E27FC236}">
              <a16:creationId xmlns:a16="http://schemas.microsoft.com/office/drawing/2014/main" id="{00000000-0008-0000-0600-000086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903" name="テキスト ボックス 902">
          <a:extLst>
            <a:ext uri="{FF2B5EF4-FFF2-40B4-BE49-F238E27FC236}">
              <a16:creationId xmlns:a16="http://schemas.microsoft.com/office/drawing/2014/main" id="{00000000-0008-0000-0600-000087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4" name="直線コネクタ 903">
          <a:extLst>
            <a:ext uri="{FF2B5EF4-FFF2-40B4-BE49-F238E27FC236}">
              <a16:creationId xmlns:a16="http://schemas.microsoft.com/office/drawing/2014/main" id="{00000000-0008-0000-0600-000088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906" name="テキスト ボックス 905">
          <a:extLst>
            <a:ext uri="{FF2B5EF4-FFF2-40B4-BE49-F238E27FC236}">
              <a16:creationId xmlns:a16="http://schemas.microsoft.com/office/drawing/2014/main" id="{00000000-0008-0000-0600-00008A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7" name="直線コネクタ 906">
          <a:extLst>
            <a:ext uri="{FF2B5EF4-FFF2-40B4-BE49-F238E27FC236}">
              <a16:creationId xmlns:a16="http://schemas.microsoft.com/office/drawing/2014/main" id="{00000000-0008-0000-0600-00008B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9" name="前年度繰上充用金グラフ枠">
          <a:extLst>
            <a:ext uri="{FF2B5EF4-FFF2-40B4-BE49-F238E27FC236}">
              <a16:creationId xmlns:a16="http://schemas.microsoft.com/office/drawing/2014/main" id="{00000000-0008-0000-0600-00008D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10" name="直線コネクタ 909">
          <a:extLst>
            <a:ext uri="{FF2B5EF4-FFF2-40B4-BE49-F238E27FC236}">
              <a16:creationId xmlns:a16="http://schemas.microsoft.com/office/drawing/2014/main" id="{00000000-0008-0000-0600-00008E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11" name="前年度繰上充用金最小値テキスト">
          <a:extLst>
            <a:ext uri="{FF2B5EF4-FFF2-40B4-BE49-F238E27FC236}">
              <a16:creationId xmlns:a16="http://schemas.microsoft.com/office/drawing/2014/main" id="{00000000-0008-0000-0600-00008F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2" name="直線コネクタ 911">
          <a:extLst>
            <a:ext uri="{FF2B5EF4-FFF2-40B4-BE49-F238E27FC236}">
              <a16:creationId xmlns:a16="http://schemas.microsoft.com/office/drawing/2014/main" id="{00000000-0008-0000-0600-00009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13" name="前年度繰上充用金最大値テキスト">
          <a:extLst>
            <a:ext uri="{FF2B5EF4-FFF2-40B4-BE49-F238E27FC236}">
              <a16:creationId xmlns:a16="http://schemas.microsoft.com/office/drawing/2014/main" id="{00000000-0008-0000-0600-000091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4" name="直線コネクタ 913">
          <a:extLst>
            <a:ext uri="{FF2B5EF4-FFF2-40B4-BE49-F238E27FC236}">
              <a16:creationId xmlns:a16="http://schemas.microsoft.com/office/drawing/2014/main" id="{00000000-0008-0000-0600-000092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15" name="直線コネクタ 914">
          <a:extLst>
            <a:ext uri="{FF2B5EF4-FFF2-40B4-BE49-F238E27FC236}">
              <a16:creationId xmlns:a16="http://schemas.microsoft.com/office/drawing/2014/main" id="{00000000-0008-0000-0600-000093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16" name="前年度繰上充用金平均値テキスト">
          <a:extLst>
            <a:ext uri="{FF2B5EF4-FFF2-40B4-BE49-F238E27FC236}">
              <a16:creationId xmlns:a16="http://schemas.microsoft.com/office/drawing/2014/main" id="{00000000-0008-0000-0600-000094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7" name="フローチャート: 判断 916">
          <a:extLst>
            <a:ext uri="{FF2B5EF4-FFF2-40B4-BE49-F238E27FC236}">
              <a16:creationId xmlns:a16="http://schemas.microsoft.com/office/drawing/2014/main" id="{00000000-0008-0000-0600-000095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18" name="直線コネクタ 917">
          <a:extLst>
            <a:ext uri="{FF2B5EF4-FFF2-40B4-BE49-F238E27FC236}">
              <a16:creationId xmlns:a16="http://schemas.microsoft.com/office/drawing/2014/main" id="{00000000-0008-0000-0600-000096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9" name="フローチャート: 判断 918">
          <a:extLst>
            <a:ext uri="{FF2B5EF4-FFF2-40B4-BE49-F238E27FC236}">
              <a16:creationId xmlns:a16="http://schemas.microsoft.com/office/drawing/2014/main" id="{00000000-0008-0000-0600-000097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21" name="直線コネクタ 920">
          <a:extLst>
            <a:ext uri="{FF2B5EF4-FFF2-40B4-BE49-F238E27FC236}">
              <a16:creationId xmlns:a16="http://schemas.microsoft.com/office/drawing/2014/main" id="{00000000-0008-0000-0600-000099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22" name="フローチャート: 判断 921">
          <a:extLst>
            <a:ext uri="{FF2B5EF4-FFF2-40B4-BE49-F238E27FC236}">
              <a16:creationId xmlns:a16="http://schemas.microsoft.com/office/drawing/2014/main" id="{00000000-0008-0000-0600-00009A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24" name="直線コネクタ 923">
          <a:extLst>
            <a:ext uri="{FF2B5EF4-FFF2-40B4-BE49-F238E27FC236}">
              <a16:creationId xmlns:a16="http://schemas.microsoft.com/office/drawing/2014/main" id="{00000000-0008-0000-0600-00009C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5" name="フローチャート: 判断 924">
          <a:extLst>
            <a:ext uri="{FF2B5EF4-FFF2-40B4-BE49-F238E27FC236}">
              <a16:creationId xmlns:a16="http://schemas.microsoft.com/office/drawing/2014/main" id="{00000000-0008-0000-0600-00009D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7" name="フローチャート: 判断 926">
          <a:extLst>
            <a:ext uri="{FF2B5EF4-FFF2-40B4-BE49-F238E27FC236}">
              <a16:creationId xmlns:a16="http://schemas.microsoft.com/office/drawing/2014/main" id="{00000000-0008-0000-0600-00009F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9" name="テキスト ボックス 928">
          <a:extLst>
            <a:ext uri="{FF2B5EF4-FFF2-40B4-BE49-F238E27FC236}">
              <a16:creationId xmlns:a16="http://schemas.microsoft.com/office/drawing/2014/main" id="{00000000-0008-0000-0600-0000A1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1" name="テキスト ボックス 930">
          <a:extLst>
            <a:ext uri="{FF2B5EF4-FFF2-40B4-BE49-F238E27FC236}">
              <a16:creationId xmlns:a16="http://schemas.microsoft.com/office/drawing/2014/main" id="{00000000-0008-0000-0600-0000A3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2" name="テキスト ボックス 931">
          <a:extLst>
            <a:ext uri="{FF2B5EF4-FFF2-40B4-BE49-F238E27FC236}">
              <a16:creationId xmlns:a16="http://schemas.microsoft.com/office/drawing/2014/main" id="{00000000-0008-0000-0600-0000A4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4" name="楕円 933">
          <a:extLst>
            <a:ext uri="{FF2B5EF4-FFF2-40B4-BE49-F238E27FC236}">
              <a16:creationId xmlns:a16="http://schemas.microsoft.com/office/drawing/2014/main" id="{00000000-0008-0000-0600-0000A6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35" name="前年度繰上充用金該当値テキスト">
          <a:extLst>
            <a:ext uri="{FF2B5EF4-FFF2-40B4-BE49-F238E27FC236}">
              <a16:creationId xmlns:a16="http://schemas.microsoft.com/office/drawing/2014/main" id="{00000000-0008-0000-0600-0000A7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6" name="楕円 935">
          <a:extLst>
            <a:ext uri="{FF2B5EF4-FFF2-40B4-BE49-F238E27FC236}">
              <a16:creationId xmlns:a16="http://schemas.microsoft.com/office/drawing/2014/main" id="{00000000-0008-0000-0600-0000A8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37" name="テキスト ボックス 936">
          <a:extLst>
            <a:ext uri="{FF2B5EF4-FFF2-40B4-BE49-F238E27FC236}">
              <a16:creationId xmlns:a16="http://schemas.microsoft.com/office/drawing/2014/main" id="{00000000-0008-0000-0600-0000A9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8" name="楕円 937">
          <a:extLst>
            <a:ext uri="{FF2B5EF4-FFF2-40B4-BE49-F238E27FC236}">
              <a16:creationId xmlns:a16="http://schemas.microsoft.com/office/drawing/2014/main" id="{00000000-0008-0000-0600-0000AA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9" name="テキスト ボックス 938">
          <a:extLst>
            <a:ext uri="{FF2B5EF4-FFF2-40B4-BE49-F238E27FC236}">
              <a16:creationId xmlns:a16="http://schemas.microsoft.com/office/drawing/2014/main" id="{00000000-0008-0000-0600-0000AB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40" name="楕円 939">
          <a:extLst>
            <a:ext uri="{FF2B5EF4-FFF2-40B4-BE49-F238E27FC236}">
              <a16:creationId xmlns:a16="http://schemas.microsoft.com/office/drawing/2014/main" id="{00000000-0008-0000-0600-0000AC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41" name="テキスト ボックス 940">
          <a:extLst>
            <a:ext uri="{FF2B5EF4-FFF2-40B4-BE49-F238E27FC236}">
              <a16:creationId xmlns:a16="http://schemas.microsoft.com/office/drawing/2014/main" id="{00000000-0008-0000-0600-0000AD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42" name="楕円 941">
          <a:extLst>
            <a:ext uri="{FF2B5EF4-FFF2-40B4-BE49-F238E27FC236}">
              <a16:creationId xmlns:a16="http://schemas.microsoft.com/office/drawing/2014/main" id="{00000000-0008-0000-0600-0000AE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43" name="テキスト ボックス 942">
          <a:extLst>
            <a:ext uri="{FF2B5EF4-FFF2-40B4-BE49-F238E27FC236}">
              <a16:creationId xmlns:a16="http://schemas.microsoft.com/office/drawing/2014/main" id="{00000000-0008-0000-0600-0000AF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4" name="正方形/長方形 943">
          <a:extLst>
            <a:ext uri="{FF2B5EF4-FFF2-40B4-BE49-F238E27FC236}">
              <a16:creationId xmlns:a16="http://schemas.microsoft.com/office/drawing/2014/main" id="{00000000-0008-0000-0600-0000B0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5" name="正方形/長方形 944">
          <a:extLst>
            <a:ext uri="{FF2B5EF4-FFF2-40B4-BE49-F238E27FC236}">
              <a16:creationId xmlns:a16="http://schemas.microsoft.com/office/drawing/2014/main" id="{00000000-0008-0000-0600-0000B1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6" name="テキスト ボックス 945">
          <a:extLst>
            <a:ext uri="{FF2B5EF4-FFF2-40B4-BE49-F238E27FC236}">
              <a16:creationId xmlns:a16="http://schemas.microsoft.com/office/drawing/2014/main" id="{00000000-0008-0000-0600-0000B2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は住民一人当たり</a:t>
          </a:r>
          <a:r>
            <a:rPr kumimoji="1" lang="en-US" altLang="ja-JP" sz="1300">
              <a:latin typeface="ＭＳ Ｐゴシック" panose="020B0600070205080204" pitchFamily="50" charset="-128"/>
              <a:ea typeface="ＭＳ Ｐゴシック" panose="020B0600070205080204" pitchFamily="50" charset="-128"/>
            </a:rPr>
            <a:t>83,318</a:t>
          </a:r>
          <a:r>
            <a:rPr kumimoji="1" lang="ja-JP" altLang="en-US" sz="1300">
              <a:latin typeface="ＭＳ Ｐゴシック" panose="020B0600070205080204" pitchFamily="50" charset="-128"/>
              <a:ea typeface="ＭＳ Ｐゴシック" panose="020B0600070205080204" pitchFamily="50" charset="-128"/>
            </a:rPr>
            <a:t>円で、システム更新経費などの減があったものの、プレミアム付商品券事業の実施などにより、前年度と比較して</a:t>
          </a:r>
          <a:r>
            <a:rPr kumimoji="1" lang="en-US" altLang="ja-JP" sz="1300">
              <a:latin typeface="ＭＳ Ｐゴシック" panose="020B0600070205080204" pitchFamily="50" charset="-128"/>
              <a:ea typeface="ＭＳ Ｐゴシック" panose="020B0600070205080204" pitchFamily="50" charset="-128"/>
            </a:rPr>
            <a:t>5,013</a:t>
          </a:r>
          <a:r>
            <a:rPr kumimoji="1" lang="ja-JP" altLang="en-US" sz="1300">
              <a:latin typeface="ＭＳ Ｐゴシック" panose="020B0600070205080204" pitchFamily="50" charset="-128"/>
              <a:ea typeface="ＭＳ Ｐゴシック" panose="020B0600070205080204" pitchFamily="50" charset="-128"/>
            </a:rPr>
            <a:t>円の増となった。扶助費は住民一人当たり</a:t>
          </a:r>
          <a:r>
            <a:rPr kumimoji="1" lang="en-US" altLang="ja-JP" sz="1300">
              <a:latin typeface="ＭＳ Ｐゴシック" panose="020B0600070205080204" pitchFamily="50" charset="-128"/>
              <a:ea typeface="ＭＳ Ｐゴシック" panose="020B0600070205080204" pitchFamily="50" charset="-128"/>
            </a:rPr>
            <a:t>143,798</a:t>
          </a:r>
          <a:r>
            <a:rPr kumimoji="1" lang="ja-JP" altLang="en-US" sz="1300">
              <a:latin typeface="ＭＳ Ｐゴシック" panose="020B0600070205080204" pitchFamily="50" charset="-128"/>
              <a:ea typeface="ＭＳ Ｐゴシック" panose="020B0600070205080204" pitchFamily="50" charset="-128"/>
            </a:rPr>
            <a:t>円で、幼児教育・保育無償化に伴う給付費の増や私立保育所の新規開設などにより、前年度と比較して</a:t>
          </a:r>
          <a:r>
            <a:rPr kumimoji="1" lang="en-US" altLang="ja-JP" sz="1300">
              <a:latin typeface="ＭＳ Ｐゴシック" panose="020B0600070205080204" pitchFamily="50" charset="-128"/>
              <a:ea typeface="ＭＳ Ｐゴシック" panose="020B0600070205080204" pitchFamily="50" charset="-128"/>
            </a:rPr>
            <a:t>4,725</a:t>
          </a:r>
          <a:r>
            <a:rPr kumimoji="1" lang="ja-JP" altLang="en-US" sz="1300">
              <a:latin typeface="ＭＳ Ｐゴシック" panose="020B0600070205080204" pitchFamily="50" charset="-128"/>
              <a:ea typeface="ＭＳ Ｐゴシック" panose="020B0600070205080204" pitchFamily="50" charset="-128"/>
            </a:rPr>
            <a:t>円の増となった。普通建設事業費は住民一人当たり</a:t>
          </a:r>
          <a:r>
            <a:rPr kumimoji="1" lang="en-US" altLang="ja-JP" sz="1300">
              <a:latin typeface="ＭＳ Ｐゴシック" panose="020B0600070205080204" pitchFamily="50" charset="-128"/>
              <a:ea typeface="ＭＳ Ｐゴシック" panose="020B0600070205080204" pitchFamily="50" charset="-128"/>
            </a:rPr>
            <a:t>29,453</a:t>
          </a:r>
          <a:r>
            <a:rPr kumimoji="1" lang="ja-JP" altLang="en-US" sz="1300">
              <a:latin typeface="ＭＳ Ｐゴシック" panose="020B0600070205080204" pitchFamily="50" charset="-128"/>
              <a:ea typeface="ＭＳ Ｐゴシック" panose="020B0600070205080204" pitchFamily="50" charset="-128"/>
            </a:rPr>
            <a:t>円で、西新宿五丁目北地区の防災街区整備事業助成や児童相談所一時保護所の建設などにより、前年度と比較して</a:t>
          </a:r>
          <a:r>
            <a:rPr kumimoji="1" lang="en-US" altLang="ja-JP" sz="1300">
              <a:latin typeface="ＭＳ Ｐゴシック" panose="020B0600070205080204" pitchFamily="50" charset="-128"/>
              <a:ea typeface="ＭＳ Ｐゴシック" panose="020B0600070205080204" pitchFamily="50" charset="-128"/>
            </a:rPr>
            <a:t>3,529</a:t>
          </a:r>
          <a:r>
            <a:rPr kumimoji="1" lang="ja-JP" altLang="en-US" sz="1300">
              <a:latin typeface="ＭＳ Ｐゴシック" panose="020B0600070205080204" pitchFamily="50" charset="-128"/>
              <a:ea typeface="ＭＳ Ｐゴシック" panose="020B0600070205080204" pitchFamily="50" charset="-128"/>
            </a:rPr>
            <a:t>円の増となった。なお、災害復旧事業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に発生した台風</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号の影響で損壊した防球ネットの整備終了により、皆減となっている。</a:t>
          </a:r>
        </a:p>
        <a:p>
          <a:r>
            <a:rPr kumimoji="1" lang="ja-JP" altLang="en-US" sz="1300">
              <a:latin typeface="ＭＳ Ｐゴシック" panose="020B0600070205080204" pitchFamily="50" charset="-128"/>
              <a:ea typeface="ＭＳ Ｐゴシック" panose="020B0600070205080204" pitchFamily="50" charset="-128"/>
            </a:rPr>
            <a:t>　引き続き、障害者への自立支援給付費や委託保育費など社会保障関係費の増加が見込まれるため、将来的な財政収支見通しの中で、定員適正化計画の推進や、行政評価に基づく</a:t>
          </a:r>
          <a:r>
            <a:rPr kumimoji="1" lang="en-US" altLang="ja-JP" sz="1300">
              <a:latin typeface="ＭＳ Ｐゴシック" panose="020B0600070205080204" pitchFamily="50" charset="-128"/>
              <a:ea typeface="ＭＳ Ｐゴシック" panose="020B0600070205080204" pitchFamily="50" charset="-128"/>
            </a:rPr>
            <a:t>PDCA</a:t>
          </a:r>
          <a:r>
            <a:rPr kumimoji="1" lang="ja-JP" altLang="en-US" sz="1300">
              <a:latin typeface="ＭＳ Ｐゴシック" panose="020B0600070205080204" pitchFamily="50" charset="-128"/>
              <a:ea typeface="ＭＳ Ｐゴシック" panose="020B0600070205080204" pitchFamily="50" charset="-128"/>
            </a:rPr>
            <a:t>サイクルによる事務事業の見直しにより、義務的経費の抑制に努めるとともに、財政の柔軟性を確保し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新宿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元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48,452
305,854
18.22
149,717,407
146,142,692
3,411,721
90,598,164
18,638,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2.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3.7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元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44450</xdr:rowOff>
    </xdr:from>
    <xdr:to>
      <xdr:col>28</xdr:col>
      <xdr:colOff>114300</xdr:colOff>
      <xdr:row>39</xdr:row>
      <xdr:rowOff>4445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7367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92727</xdr:rowOff>
    </xdr:from>
    <xdr:ext cx="46717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94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4" name="議会費グラフ枠">
          <a:extLst>
            <a:ext uri="{FF2B5EF4-FFF2-40B4-BE49-F238E27FC236}">
              <a16:creationId xmlns:a16="http://schemas.microsoft.com/office/drawing/2014/main" id="{00000000-0008-0000-0700-000036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25972</xdr:rowOff>
    </xdr:from>
    <xdr:to>
      <xdr:col>24</xdr:col>
      <xdr:colOff>62865</xdr:colOff>
      <xdr:row>38</xdr:row>
      <xdr:rowOff>15304</xdr:rowOff>
    </xdr:to>
    <xdr:cxnSp macro="">
      <xdr:nvCxnSpPr>
        <xdr:cNvPr id="55" name="直線コネクタ 54">
          <a:extLst>
            <a:ext uri="{FF2B5EF4-FFF2-40B4-BE49-F238E27FC236}">
              <a16:creationId xmlns:a16="http://schemas.microsoft.com/office/drawing/2014/main" id="{00000000-0008-0000-0700-000037000000}"/>
            </a:ext>
          </a:extLst>
        </xdr:cNvPr>
        <xdr:cNvCxnSpPr/>
      </xdr:nvCxnSpPr>
      <xdr:spPr>
        <a:xfrm flipV="1">
          <a:off x="4633595" y="5169472"/>
          <a:ext cx="1270" cy="1360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9131</xdr:rowOff>
    </xdr:from>
    <xdr:ext cx="469744" cy="259045"/>
    <xdr:sp macro="" textlink="">
      <xdr:nvSpPr>
        <xdr:cNvPr id="56" name="議会費最小値テキスト">
          <a:extLst>
            <a:ext uri="{FF2B5EF4-FFF2-40B4-BE49-F238E27FC236}">
              <a16:creationId xmlns:a16="http://schemas.microsoft.com/office/drawing/2014/main" id="{00000000-0008-0000-0700-000038000000}"/>
            </a:ext>
          </a:extLst>
        </xdr:cNvPr>
        <xdr:cNvSpPr txBox="1"/>
      </xdr:nvSpPr>
      <xdr:spPr>
        <a:xfrm>
          <a:off x="4686300" y="65342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304</xdr:rowOff>
    </xdr:from>
    <xdr:to>
      <xdr:col>24</xdr:col>
      <xdr:colOff>152400</xdr:colOff>
      <xdr:row>38</xdr:row>
      <xdr:rowOff>15304</xdr:rowOff>
    </xdr:to>
    <xdr:cxnSp macro="">
      <xdr:nvCxnSpPr>
        <xdr:cNvPr id="57" name="直線コネクタ 56">
          <a:extLst>
            <a:ext uri="{FF2B5EF4-FFF2-40B4-BE49-F238E27FC236}">
              <a16:creationId xmlns:a16="http://schemas.microsoft.com/office/drawing/2014/main" id="{00000000-0008-0000-0700-000039000000}"/>
            </a:ext>
          </a:extLst>
        </xdr:cNvPr>
        <xdr:cNvCxnSpPr/>
      </xdr:nvCxnSpPr>
      <xdr:spPr>
        <a:xfrm>
          <a:off x="4546600" y="65304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4099</xdr:rowOff>
    </xdr:from>
    <xdr:ext cx="469744" cy="259045"/>
    <xdr:sp macro="" textlink="">
      <xdr:nvSpPr>
        <xdr:cNvPr id="58" name="議会費最大値テキスト">
          <a:extLst>
            <a:ext uri="{FF2B5EF4-FFF2-40B4-BE49-F238E27FC236}">
              <a16:creationId xmlns:a16="http://schemas.microsoft.com/office/drawing/2014/main" id="{00000000-0008-0000-0700-00003A000000}"/>
            </a:ext>
          </a:extLst>
        </xdr:cNvPr>
        <xdr:cNvSpPr txBox="1"/>
      </xdr:nvSpPr>
      <xdr:spPr>
        <a:xfrm>
          <a:off x="4686300" y="4944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19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25972</xdr:rowOff>
    </xdr:from>
    <xdr:to>
      <xdr:col>24</xdr:col>
      <xdr:colOff>152400</xdr:colOff>
      <xdr:row>30</xdr:row>
      <xdr:rowOff>25972</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4546600" y="5169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49034</xdr:rowOff>
    </xdr:from>
    <xdr:to>
      <xdr:col>24</xdr:col>
      <xdr:colOff>63500</xdr:colOff>
      <xdr:row>36</xdr:row>
      <xdr:rowOff>152464</xdr:rowOff>
    </xdr:to>
    <xdr:cxnSp macro="">
      <xdr:nvCxnSpPr>
        <xdr:cNvPr id="60" name="直線コネクタ 59">
          <a:extLst>
            <a:ext uri="{FF2B5EF4-FFF2-40B4-BE49-F238E27FC236}">
              <a16:creationId xmlns:a16="http://schemas.microsoft.com/office/drawing/2014/main" id="{00000000-0008-0000-0700-00003C000000}"/>
            </a:ext>
          </a:extLst>
        </xdr:cNvPr>
        <xdr:cNvCxnSpPr/>
      </xdr:nvCxnSpPr>
      <xdr:spPr>
        <a:xfrm>
          <a:off x="3797300" y="6321234"/>
          <a:ext cx="8382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9430</xdr:rowOff>
    </xdr:from>
    <xdr:ext cx="469744" cy="259045"/>
    <xdr:sp macro="" textlink="">
      <xdr:nvSpPr>
        <xdr:cNvPr id="61" name="議会費平均値テキスト">
          <a:extLst>
            <a:ext uri="{FF2B5EF4-FFF2-40B4-BE49-F238E27FC236}">
              <a16:creationId xmlns:a16="http://schemas.microsoft.com/office/drawing/2014/main" id="{00000000-0008-0000-0700-00003D000000}"/>
            </a:ext>
          </a:extLst>
        </xdr:cNvPr>
        <xdr:cNvSpPr txBox="1"/>
      </xdr:nvSpPr>
      <xdr:spPr>
        <a:xfrm>
          <a:off x="4686300" y="630163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003</xdr:rowOff>
    </xdr:from>
    <xdr:to>
      <xdr:col>24</xdr:col>
      <xdr:colOff>114300</xdr:colOff>
      <xdr:row>37</xdr:row>
      <xdr:rowOff>81153</xdr:rowOff>
    </xdr:to>
    <xdr:sp macro="" textlink="">
      <xdr:nvSpPr>
        <xdr:cNvPr id="62" name="フローチャート: 判断 61">
          <a:extLst>
            <a:ext uri="{FF2B5EF4-FFF2-40B4-BE49-F238E27FC236}">
              <a16:creationId xmlns:a16="http://schemas.microsoft.com/office/drawing/2014/main" id="{00000000-0008-0000-0700-00003E000000}"/>
            </a:ext>
          </a:extLst>
        </xdr:cNvPr>
        <xdr:cNvSpPr/>
      </xdr:nvSpPr>
      <xdr:spPr>
        <a:xfrm>
          <a:off x="4584700" y="63232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38747</xdr:rowOff>
    </xdr:from>
    <xdr:to>
      <xdr:col>19</xdr:col>
      <xdr:colOff>177800</xdr:colOff>
      <xdr:row>36</xdr:row>
      <xdr:rowOff>149034</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2908300" y="6310947"/>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48527</xdr:rowOff>
    </xdr:from>
    <xdr:to>
      <xdr:col>20</xdr:col>
      <xdr:colOff>38100</xdr:colOff>
      <xdr:row>37</xdr:row>
      <xdr:rowOff>78677</xdr:rowOff>
    </xdr:to>
    <xdr:sp macro="" textlink="">
      <xdr:nvSpPr>
        <xdr:cNvPr id="64" name="フローチャート: 判断 63">
          <a:extLst>
            <a:ext uri="{FF2B5EF4-FFF2-40B4-BE49-F238E27FC236}">
              <a16:creationId xmlns:a16="http://schemas.microsoft.com/office/drawing/2014/main" id="{00000000-0008-0000-0700-000040000000}"/>
            </a:ext>
          </a:extLst>
        </xdr:cNvPr>
        <xdr:cNvSpPr/>
      </xdr:nvSpPr>
      <xdr:spPr>
        <a:xfrm>
          <a:off x="3746500" y="63207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69804</xdr:rowOff>
    </xdr:from>
    <xdr:ext cx="469744" cy="259045"/>
    <xdr:sp macro="" textlink="">
      <xdr:nvSpPr>
        <xdr:cNvPr id="65" name="テキスト ボックス 64">
          <a:extLst>
            <a:ext uri="{FF2B5EF4-FFF2-40B4-BE49-F238E27FC236}">
              <a16:creationId xmlns:a16="http://schemas.microsoft.com/office/drawing/2014/main" id="{00000000-0008-0000-0700-000041000000}"/>
            </a:ext>
          </a:extLst>
        </xdr:cNvPr>
        <xdr:cNvSpPr txBox="1"/>
      </xdr:nvSpPr>
      <xdr:spPr>
        <a:xfrm>
          <a:off x="3562428" y="64134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30366</xdr:rowOff>
    </xdr:from>
    <xdr:to>
      <xdr:col>15</xdr:col>
      <xdr:colOff>50800</xdr:colOff>
      <xdr:row>36</xdr:row>
      <xdr:rowOff>138747</xdr:rowOff>
    </xdr:to>
    <xdr:cxnSp macro="">
      <xdr:nvCxnSpPr>
        <xdr:cNvPr id="66" name="直線コネクタ 65">
          <a:extLst>
            <a:ext uri="{FF2B5EF4-FFF2-40B4-BE49-F238E27FC236}">
              <a16:creationId xmlns:a16="http://schemas.microsoft.com/office/drawing/2014/main" id="{00000000-0008-0000-0700-000042000000}"/>
            </a:ext>
          </a:extLst>
        </xdr:cNvPr>
        <xdr:cNvCxnSpPr/>
      </xdr:nvCxnSpPr>
      <xdr:spPr>
        <a:xfrm>
          <a:off x="2019300" y="6302566"/>
          <a:ext cx="889000" cy="8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46812</xdr:rowOff>
    </xdr:from>
    <xdr:to>
      <xdr:col>15</xdr:col>
      <xdr:colOff>101600</xdr:colOff>
      <xdr:row>37</xdr:row>
      <xdr:rowOff>76962</xdr:rowOff>
    </xdr:to>
    <xdr:sp macro="" textlink="">
      <xdr:nvSpPr>
        <xdr:cNvPr id="67" name="フローチャート: 判断 66">
          <a:extLst>
            <a:ext uri="{FF2B5EF4-FFF2-40B4-BE49-F238E27FC236}">
              <a16:creationId xmlns:a16="http://schemas.microsoft.com/office/drawing/2014/main" id="{00000000-0008-0000-0700-000043000000}"/>
            </a:ext>
          </a:extLst>
        </xdr:cNvPr>
        <xdr:cNvSpPr/>
      </xdr:nvSpPr>
      <xdr:spPr>
        <a:xfrm>
          <a:off x="2857500" y="6319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68089</xdr:rowOff>
    </xdr:from>
    <xdr:ext cx="469744" cy="259045"/>
    <xdr:sp macro="" textlink="">
      <xdr:nvSpPr>
        <xdr:cNvPr id="68" name="テキスト ボックス 67">
          <a:extLst>
            <a:ext uri="{FF2B5EF4-FFF2-40B4-BE49-F238E27FC236}">
              <a16:creationId xmlns:a16="http://schemas.microsoft.com/office/drawing/2014/main" id="{00000000-0008-0000-0700-000044000000}"/>
            </a:ext>
          </a:extLst>
        </xdr:cNvPr>
        <xdr:cNvSpPr txBox="1"/>
      </xdr:nvSpPr>
      <xdr:spPr>
        <a:xfrm>
          <a:off x="2673428" y="6411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97409</xdr:rowOff>
    </xdr:from>
    <xdr:to>
      <xdr:col>10</xdr:col>
      <xdr:colOff>114300</xdr:colOff>
      <xdr:row>36</xdr:row>
      <xdr:rowOff>130366</xdr:rowOff>
    </xdr:to>
    <xdr:cxnSp macro="">
      <xdr:nvCxnSpPr>
        <xdr:cNvPr id="69" name="直線コネクタ 68">
          <a:extLst>
            <a:ext uri="{FF2B5EF4-FFF2-40B4-BE49-F238E27FC236}">
              <a16:creationId xmlns:a16="http://schemas.microsoft.com/office/drawing/2014/main" id="{00000000-0008-0000-0700-000045000000}"/>
            </a:ext>
          </a:extLst>
        </xdr:cNvPr>
        <xdr:cNvCxnSpPr/>
      </xdr:nvCxnSpPr>
      <xdr:spPr>
        <a:xfrm>
          <a:off x="1130300" y="6269609"/>
          <a:ext cx="889000" cy="32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33858</xdr:rowOff>
    </xdr:from>
    <xdr:to>
      <xdr:col>10</xdr:col>
      <xdr:colOff>165100</xdr:colOff>
      <xdr:row>37</xdr:row>
      <xdr:rowOff>64008</xdr:rowOff>
    </xdr:to>
    <xdr:sp macro="" textlink="">
      <xdr:nvSpPr>
        <xdr:cNvPr id="70" name="フローチャート: 判断 69">
          <a:extLst>
            <a:ext uri="{FF2B5EF4-FFF2-40B4-BE49-F238E27FC236}">
              <a16:creationId xmlns:a16="http://schemas.microsoft.com/office/drawing/2014/main" id="{00000000-0008-0000-0700-000046000000}"/>
            </a:ext>
          </a:extLst>
        </xdr:cNvPr>
        <xdr:cNvSpPr/>
      </xdr:nvSpPr>
      <xdr:spPr>
        <a:xfrm>
          <a:off x="1968500" y="63060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55135</xdr:rowOff>
    </xdr:from>
    <xdr:ext cx="469744" cy="259045"/>
    <xdr:sp macro="" textlink="">
      <xdr:nvSpPr>
        <xdr:cNvPr id="71" name="テキスト ボックス 70">
          <a:extLst>
            <a:ext uri="{FF2B5EF4-FFF2-40B4-BE49-F238E27FC236}">
              <a16:creationId xmlns:a16="http://schemas.microsoft.com/office/drawing/2014/main" id="{00000000-0008-0000-0700-000047000000}"/>
            </a:ext>
          </a:extLst>
        </xdr:cNvPr>
        <xdr:cNvSpPr txBox="1"/>
      </xdr:nvSpPr>
      <xdr:spPr>
        <a:xfrm>
          <a:off x="1784428" y="6398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08331</xdr:rowOff>
    </xdr:from>
    <xdr:to>
      <xdr:col>6</xdr:col>
      <xdr:colOff>38100</xdr:colOff>
      <xdr:row>37</xdr:row>
      <xdr:rowOff>38481</xdr:rowOff>
    </xdr:to>
    <xdr:sp macro="" textlink="">
      <xdr:nvSpPr>
        <xdr:cNvPr id="72" name="フローチャート: 判断 71">
          <a:extLst>
            <a:ext uri="{FF2B5EF4-FFF2-40B4-BE49-F238E27FC236}">
              <a16:creationId xmlns:a16="http://schemas.microsoft.com/office/drawing/2014/main" id="{00000000-0008-0000-0700-000048000000}"/>
            </a:ext>
          </a:extLst>
        </xdr:cNvPr>
        <xdr:cNvSpPr/>
      </xdr:nvSpPr>
      <xdr:spPr>
        <a:xfrm>
          <a:off x="1079500" y="6280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29608</xdr:rowOff>
    </xdr:from>
    <xdr:ext cx="469744"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895428" y="63732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1664</xdr:rowOff>
    </xdr:from>
    <xdr:to>
      <xdr:col>24</xdr:col>
      <xdr:colOff>114300</xdr:colOff>
      <xdr:row>37</xdr:row>
      <xdr:rowOff>31814</xdr:rowOff>
    </xdr:to>
    <xdr:sp macro="" textlink="">
      <xdr:nvSpPr>
        <xdr:cNvPr id="79" name="楕円 78">
          <a:extLst>
            <a:ext uri="{FF2B5EF4-FFF2-40B4-BE49-F238E27FC236}">
              <a16:creationId xmlns:a16="http://schemas.microsoft.com/office/drawing/2014/main" id="{00000000-0008-0000-0700-00004F000000}"/>
            </a:ext>
          </a:extLst>
        </xdr:cNvPr>
        <xdr:cNvSpPr/>
      </xdr:nvSpPr>
      <xdr:spPr>
        <a:xfrm>
          <a:off x="4584700" y="627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24541</xdr:rowOff>
    </xdr:from>
    <xdr:ext cx="469744" cy="259045"/>
    <xdr:sp macro="" textlink="">
      <xdr:nvSpPr>
        <xdr:cNvPr id="80" name="議会費該当値テキスト">
          <a:extLst>
            <a:ext uri="{FF2B5EF4-FFF2-40B4-BE49-F238E27FC236}">
              <a16:creationId xmlns:a16="http://schemas.microsoft.com/office/drawing/2014/main" id="{00000000-0008-0000-0700-000050000000}"/>
            </a:ext>
          </a:extLst>
        </xdr:cNvPr>
        <xdr:cNvSpPr txBox="1"/>
      </xdr:nvSpPr>
      <xdr:spPr>
        <a:xfrm>
          <a:off x="4686300" y="61252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98234</xdr:rowOff>
    </xdr:from>
    <xdr:to>
      <xdr:col>20</xdr:col>
      <xdr:colOff>38100</xdr:colOff>
      <xdr:row>37</xdr:row>
      <xdr:rowOff>28384</xdr:rowOff>
    </xdr:to>
    <xdr:sp macro="" textlink="">
      <xdr:nvSpPr>
        <xdr:cNvPr id="81" name="楕円 80">
          <a:extLst>
            <a:ext uri="{FF2B5EF4-FFF2-40B4-BE49-F238E27FC236}">
              <a16:creationId xmlns:a16="http://schemas.microsoft.com/office/drawing/2014/main" id="{00000000-0008-0000-0700-000051000000}"/>
            </a:ext>
          </a:extLst>
        </xdr:cNvPr>
        <xdr:cNvSpPr/>
      </xdr:nvSpPr>
      <xdr:spPr>
        <a:xfrm>
          <a:off x="3746500" y="6270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5</xdr:row>
      <xdr:rowOff>44911</xdr:rowOff>
    </xdr:from>
    <xdr:ext cx="469744"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3562428" y="6045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87947</xdr:rowOff>
    </xdr:from>
    <xdr:to>
      <xdr:col>15</xdr:col>
      <xdr:colOff>101600</xdr:colOff>
      <xdr:row>37</xdr:row>
      <xdr:rowOff>18097</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2857500" y="6260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34624</xdr:rowOff>
    </xdr:from>
    <xdr:ext cx="469744" cy="259045"/>
    <xdr:sp macro="" textlink="">
      <xdr:nvSpPr>
        <xdr:cNvPr id="84" name="テキスト ボックス 83">
          <a:extLst>
            <a:ext uri="{FF2B5EF4-FFF2-40B4-BE49-F238E27FC236}">
              <a16:creationId xmlns:a16="http://schemas.microsoft.com/office/drawing/2014/main" id="{00000000-0008-0000-0700-000054000000}"/>
            </a:ext>
          </a:extLst>
        </xdr:cNvPr>
        <xdr:cNvSpPr txBox="1"/>
      </xdr:nvSpPr>
      <xdr:spPr>
        <a:xfrm>
          <a:off x="2673428" y="6035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79566</xdr:rowOff>
    </xdr:from>
    <xdr:to>
      <xdr:col>10</xdr:col>
      <xdr:colOff>165100</xdr:colOff>
      <xdr:row>37</xdr:row>
      <xdr:rowOff>9716</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1968500" y="6251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26243</xdr:rowOff>
    </xdr:from>
    <xdr:ext cx="469744"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1784428" y="6026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46609</xdr:rowOff>
    </xdr:from>
    <xdr:to>
      <xdr:col>6</xdr:col>
      <xdr:colOff>38100</xdr:colOff>
      <xdr:row>36</xdr:row>
      <xdr:rowOff>148209</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1079500" y="62188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64736</xdr:rowOff>
    </xdr:from>
    <xdr:ext cx="469744"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895428" y="5994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1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7" name="テキスト ボックス 96">
          <a:extLst>
            <a:ext uri="{FF2B5EF4-FFF2-40B4-BE49-F238E27FC236}">
              <a16:creationId xmlns:a16="http://schemas.microsoft.com/office/drawing/2014/main" id="{00000000-0008-0000-0700-000061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128105</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3" name="テキスト ボックス 112">
          <a:extLst>
            <a:ext uri="{FF2B5EF4-FFF2-40B4-BE49-F238E27FC236}">
              <a16:creationId xmlns:a16="http://schemas.microsoft.com/office/drawing/2014/main" id="{00000000-0008-0000-0700-000071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47244</xdr:rowOff>
    </xdr:from>
    <xdr:to>
      <xdr:col>24</xdr:col>
      <xdr:colOff>62865</xdr:colOff>
      <xdr:row>59</xdr:row>
      <xdr:rowOff>6366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flipV="1">
          <a:off x="4633595" y="8719744"/>
          <a:ext cx="1270" cy="1459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67491</xdr:rowOff>
    </xdr:from>
    <xdr:ext cx="534377" cy="259045"/>
    <xdr:sp macro="" textlink="">
      <xdr:nvSpPr>
        <xdr:cNvPr id="116" name="総務費最小値テキスト">
          <a:extLst>
            <a:ext uri="{FF2B5EF4-FFF2-40B4-BE49-F238E27FC236}">
              <a16:creationId xmlns:a16="http://schemas.microsoft.com/office/drawing/2014/main" id="{00000000-0008-0000-0700-000074000000}"/>
            </a:ext>
          </a:extLst>
        </xdr:cNvPr>
        <xdr:cNvSpPr txBox="1"/>
      </xdr:nvSpPr>
      <xdr:spPr>
        <a:xfrm>
          <a:off x="4686300" y="10183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63664</xdr:rowOff>
    </xdr:from>
    <xdr:to>
      <xdr:col>24</xdr:col>
      <xdr:colOff>152400</xdr:colOff>
      <xdr:row>59</xdr:row>
      <xdr:rowOff>63664</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10179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93921</xdr:rowOff>
    </xdr:from>
    <xdr:ext cx="599010" cy="259045"/>
    <xdr:sp macro="" textlink="">
      <xdr:nvSpPr>
        <xdr:cNvPr id="118" name="総務費最大値テキスト">
          <a:extLst>
            <a:ext uri="{FF2B5EF4-FFF2-40B4-BE49-F238E27FC236}">
              <a16:creationId xmlns:a16="http://schemas.microsoft.com/office/drawing/2014/main" id="{00000000-0008-0000-0700-000076000000}"/>
            </a:ext>
          </a:extLst>
        </xdr:cNvPr>
        <xdr:cNvSpPr txBox="1"/>
      </xdr:nvSpPr>
      <xdr:spPr>
        <a:xfrm>
          <a:off x="4686300" y="8494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7,3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47244</xdr:rowOff>
    </xdr:from>
    <xdr:to>
      <xdr:col>24</xdr:col>
      <xdr:colOff>152400</xdr:colOff>
      <xdr:row>50</xdr:row>
      <xdr:rowOff>147244</xdr:rowOff>
    </xdr:to>
    <xdr:cxnSp macro="">
      <xdr:nvCxnSpPr>
        <xdr:cNvPr id="119" name="直線コネクタ 118">
          <a:extLst>
            <a:ext uri="{FF2B5EF4-FFF2-40B4-BE49-F238E27FC236}">
              <a16:creationId xmlns:a16="http://schemas.microsoft.com/office/drawing/2014/main" id="{00000000-0008-0000-0700-000077000000}"/>
            </a:ext>
          </a:extLst>
        </xdr:cNvPr>
        <xdr:cNvCxnSpPr/>
      </xdr:nvCxnSpPr>
      <xdr:spPr>
        <a:xfrm>
          <a:off x="4546600" y="8719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51413</xdr:rowOff>
    </xdr:from>
    <xdr:to>
      <xdr:col>24</xdr:col>
      <xdr:colOff>63500</xdr:colOff>
      <xdr:row>57</xdr:row>
      <xdr:rowOff>166337</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3797300" y="9924063"/>
          <a:ext cx="838200" cy="14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421</xdr:rowOff>
    </xdr:from>
    <xdr:ext cx="534377" cy="259045"/>
    <xdr:sp macro="" textlink="">
      <xdr:nvSpPr>
        <xdr:cNvPr id="121" name="総務費平均値テキスト">
          <a:extLst>
            <a:ext uri="{FF2B5EF4-FFF2-40B4-BE49-F238E27FC236}">
              <a16:creationId xmlns:a16="http://schemas.microsoft.com/office/drawing/2014/main" id="{00000000-0008-0000-0700-000079000000}"/>
            </a:ext>
          </a:extLst>
        </xdr:cNvPr>
        <xdr:cNvSpPr txBox="1"/>
      </xdr:nvSpPr>
      <xdr:spPr>
        <a:xfrm>
          <a:off x="4686300" y="993307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10544</xdr:rowOff>
    </xdr:from>
    <xdr:to>
      <xdr:col>24</xdr:col>
      <xdr:colOff>114300</xdr:colOff>
      <xdr:row>58</xdr:row>
      <xdr:rowOff>112144</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4584700" y="9954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51413</xdr:rowOff>
    </xdr:from>
    <xdr:to>
      <xdr:col>19</xdr:col>
      <xdr:colOff>177800</xdr:colOff>
      <xdr:row>58</xdr:row>
      <xdr:rowOff>25063</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flipV="1">
          <a:off x="2908300" y="9924063"/>
          <a:ext cx="889000" cy="4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20124</xdr:rowOff>
    </xdr:from>
    <xdr:to>
      <xdr:col>20</xdr:col>
      <xdr:colOff>38100</xdr:colOff>
      <xdr:row>58</xdr:row>
      <xdr:rowOff>121724</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3746500" y="9964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12851</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3530111" y="10056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8379</xdr:rowOff>
    </xdr:from>
    <xdr:to>
      <xdr:col>15</xdr:col>
      <xdr:colOff>50800</xdr:colOff>
      <xdr:row>58</xdr:row>
      <xdr:rowOff>25063</xdr:rowOff>
    </xdr:to>
    <xdr:cxnSp macro="">
      <xdr:nvCxnSpPr>
        <xdr:cNvPr id="126" name="直線コネクタ 125">
          <a:extLst>
            <a:ext uri="{FF2B5EF4-FFF2-40B4-BE49-F238E27FC236}">
              <a16:creationId xmlns:a16="http://schemas.microsoft.com/office/drawing/2014/main" id="{00000000-0008-0000-0700-00007E000000}"/>
            </a:ext>
          </a:extLst>
        </xdr:cNvPr>
        <xdr:cNvCxnSpPr/>
      </xdr:nvCxnSpPr>
      <xdr:spPr>
        <a:xfrm>
          <a:off x="2019300" y="9962479"/>
          <a:ext cx="889000" cy="6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0027</xdr:rowOff>
    </xdr:from>
    <xdr:to>
      <xdr:col>15</xdr:col>
      <xdr:colOff>101600</xdr:colOff>
      <xdr:row>58</xdr:row>
      <xdr:rowOff>151627</xdr:rowOff>
    </xdr:to>
    <xdr:sp macro="" textlink="">
      <xdr:nvSpPr>
        <xdr:cNvPr id="127" name="フローチャート: 判断 126">
          <a:extLst>
            <a:ext uri="{FF2B5EF4-FFF2-40B4-BE49-F238E27FC236}">
              <a16:creationId xmlns:a16="http://schemas.microsoft.com/office/drawing/2014/main" id="{00000000-0008-0000-0700-00007F000000}"/>
            </a:ext>
          </a:extLst>
        </xdr:cNvPr>
        <xdr:cNvSpPr/>
      </xdr:nvSpPr>
      <xdr:spPr>
        <a:xfrm>
          <a:off x="2857500" y="9994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42754</xdr:rowOff>
    </xdr:from>
    <xdr:ext cx="534377"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2641111" y="10086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9827</xdr:rowOff>
    </xdr:from>
    <xdr:to>
      <xdr:col>10</xdr:col>
      <xdr:colOff>114300</xdr:colOff>
      <xdr:row>58</xdr:row>
      <xdr:rowOff>18379</xdr:rowOff>
    </xdr:to>
    <xdr:cxnSp macro="">
      <xdr:nvCxnSpPr>
        <xdr:cNvPr id="129" name="直線コネクタ 128">
          <a:extLst>
            <a:ext uri="{FF2B5EF4-FFF2-40B4-BE49-F238E27FC236}">
              <a16:creationId xmlns:a16="http://schemas.microsoft.com/office/drawing/2014/main" id="{00000000-0008-0000-0700-000081000000}"/>
            </a:ext>
          </a:extLst>
        </xdr:cNvPr>
        <xdr:cNvCxnSpPr/>
      </xdr:nvCxnSpPr>
      <xdr:spPr>
        <a:xfrm>
          <a:off x="1130300" y="9902477"/>
          <a:ext cx="889000" cy="60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24467</xdr:rowOff>
    </xdr:from>
    <xdr:to>
      <xdr:col>10</xdr:col>
      <xdr:colOff>165100</xdr:colOff>
      <xdr:row>58</xdr:row>
      <xdr:rowOff>126067</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968500" y="9968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17194</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752111" y="10061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71152</xdr:rowOff>
    </xdr:from>
    <xdr:to>
      <xdr:col>6</xdr:col>
      <xdr:colOff>38100</xdr:colOff>
      <xdr:row>58</xdr:row>
      <xdr:rowOff>101302</xdr:rowOff>
    </xdr:to>
    <xdr:sp macro="" textlink="">
      <xdr:nvSpPr>
        <xdr:cNvPr id="132" name="フローチャート: 判断 131">
          <a:extLst>
            <a:ext uri="{FF2B5EF4-FFF2-40B4-BE49-F238E27FC236}">
              <a16:creationId xmlns:a16="http://schemas.microsoft.com/office/drawing/2014/main" id="{00000000-0008-0000-0700-000084000000}"/>
            </a:ext>
          </a:extLst>
        </xdr:cNvPr>
        <xdr:cNvSpPr/>
      </xdr:nvSpPr>
      <xdr:spPr>
        <a:xfrm>
          <a:off x="1079500" y="9943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2429</xdr:rowOff>
    </xdr:from>
    <xdr:ext cx="534377"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863111" y="1003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5537</xdr:rowOff>
    </xdr:from>
    <xdr:to>
      <xdr:col>24</xdr:col>
      <xdr:colOff>114300</xdr:colOff>
      <xdr:row>58</xdr:row>
      <xdr:rowOff>45687</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4584700" y="9888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38414</xdr:rowOff>
    </xdr:from>
    <xdr:ext cx="534377" cy="259045"/>
    <xdr:sp macro="" textlink="">
      <xdr:nvSpPr>
        <xdr:cNvPr id="140" name="総務費該当値テキスト">
          <a:extLst>
            <a:ext uri="{FF2B5EF4-FFF2-40B4-BE49-F238E27FC236}">
              <a16:creationId xmlns:a16="http://schemas.microsoft.com/office/drawing/2014/main" id="{00000000-0008-0000-0700-00008C000000}"/>
            </a:ext>
          </a:extLst>
        </xdr:cNvPr>
        <xdr:cNvSpPr txBox="1"/>
      </xdr:nvSpPr>
      <xdr:spPr>
        <a:xfrm>
          <a:off x="4686300" y="9739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00613</xdr:rowOff>
    </xdr:from>
    <xdr:to>
      <xdr:col>20</xdr:col>
      <xdr:colOff>38100</xdr:colOff>
      <xdr:row>58</xdr:row>
      <xdr:rowOff>30763</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3746500" y="9873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47290</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3530111" y="96484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5713</xdr:rowOff>
    </xdr:from>
    <xdr:to>
      <xdr:col>15</xdr:col>
      <xdr:colOff>101600</xdr:colOff>
      <xdr:row>58</xdr:row>
      <xdr:rowOff>75863</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2857500" y="9918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92390</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2641111" y="96935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139029</xdr:rowOff>
    </xdr:from>
    <xdr:to>
      <xdr:col>10</xdr:col>
      <xdr:colOff>165100</xdr:colOff>
      <xdr:row>58</xdr:row>
      <xdr:rowOff>69179</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968500" y="99116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85706</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1752111" y="96869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9027</xdr:rowOff>
    </xdr:from>
    <xdr:to>
      <xdr:col>6</xdr:col>
      <xdr:colOff>38100</xdr:colOff>
      <xdr:row>58</xdr:row>
      <xdr:rowOff>9177</xdr:rowOff>
    </xdr:to>
    <xdr:sp macro="" textlink="">
      <xdr:nvSpPr>
        <xdr:cNvPr id="147" name="楕円 146">
          <a:extLst>
            <a:ext uri="{FF2B5EF4-FFF2-40B4-BE49-F238E27FC236}">
              <a16:creationId xmlns:a16="http://schemas.microsoft.com/office/drawing/2014/main" id="{00000000-0008-0000-0700-000093000000}"/>
            </a:ext>
          </a:extLst>
        </xdr:cNvPr>
        <xdr:cNvSpPr/>
      </xdr:nvSpPr>
      <xdr:spPr>
        <a:xfrm>
          <a:off x="1079500" y="98516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5704</xdr:rowOff>
    </xdr:from>
    <xdr:ext cx="534377" cy="259045"/>
    <xdr:sp macro="" textlink="">
      <xdr:nvSpPr>
        <xdr:cNvPr id="148" name="テキスト ボックス 147">
          <a:extLst>
            <a:ext uri="{FF2B5EF4-FFF2-40B4-BE49-F238E27FC236}">
              <a16:creationId xmlns:a16="http://schemas.microsoft.com/office/drawing/2014/main" id="{00000000-0008-0000-0700-000094000000}"/>
            </a:ext>
          </a:extLst>
        </xdr:cNvPr>
        <xdr:cNvSpPr txBox="1"/>
      </xdr:nvSpPr>
      <xdr:spPr>
        <a:xfrm>
          <a:off x="863111" y="9626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8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67627</xdr:rowOff>
    </xdr:from>
    <xdr:to>
      <xdr:col>24</xdr:col>
      <xdr:colOff>62865</xdr:colOff>
      <xdr:row>79</xdr:row>
      <xdr:rowOff>88760</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169127"/>
          <a:ext cx="1270" cy="14641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92587</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6371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88760</xdr:rowOff>
    </xdr:from>
    <xdr:to>
      <xdr:col>24</xdr:col>
      <xdr:colOff>152400</xdr:colOff>
      <xdr:row>79</xdr:row>
      <xdr:rowOff>88760</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633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14304</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944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1,80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67627</xdr:rowOff>
    </xdr:from>
    <xdr:to>
      <xdr:col>24</xdr:col>
      <xdr:colOff>152400</xdr:colOff>
      <xdr:row>70</xdr:row>
      <xdr:rowOff>167627</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169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07962</xdr:rowOff>
    </xdr:from>
    <xdr:to>
      <xdr:col>24</xdr:col>
      <xdr:colOff>63500</xdr:colOff>
      <xdr:row>75</xdr:row>
      <xdr:rowOff>136563</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flipV="1">
          <a:off x="3797300" y="12966712"/>
          <a:ext cx="838200" cy="28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9532</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3109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01105</xdr:rowOff>
    </xdr:from>
    <xdr:to>
      <xdr:col>24</xdr:col>
      <xdr:colOff>114300</xdr:colOff>
      <xdr:row>77</xdr:row>
      <xdr:rowOff>31255</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3131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25743</xdr:rowOff>
    </xdr:from>
    <xdr:to>
      <xdr:col>19</xdr:col>
      <xdr:colOff>177800</xdr:colOff>
      <xdr:row>75</xdr:row>
      <xdr:rowOff>136563</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a:off x="2908300" y="12984493"/>
          <a:ext cx="889000" cy="10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35331</xdr:rowOff>
    </xdr:from>
    <xdr:to>
      <xdr:col>20</xdr:col>
      <xdr:colOff>38100</xdr:colOff>
      <xdr:row>77</xdr:row>
      <xdr:rowOff>136931</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323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28058</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33297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125743</xdr:rowOff>
    </xdr:from>
    <xdr:to>
      <xdr:col>15</xdr:col>
      <xdr:colOff>50800</xdr:colOff>
      <xdr:row>76</xdr:row>
      <xdr:rowOff>13500</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2984493"/>
          <a:ext cx="889000" cy="592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52997</xdr:rowOff>
    </xdr:from>
    <xdr:to>
      <xdr:col>15</xdr:col>
      <xdr:colOff>101600</xdr:colOff>
      <xdr:row>77</xdr:row>
      <xdr:rowOff>154597</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254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145724</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347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3500</xdr:rowOff>
    </xdr:from>
    <xdr:to>
      <xdr:col>10</xdr:col>
      <xdr:colOff>114300</xdr:colOff>
      <xdr:row>76</xdr:row>
      <xdr:rowOff>20104</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3043700"/>
          <a:ext cx="889000" cy="66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89319</xdr:rowOff>
    </xdr:from>
    <xdr:to>
      <xdr:col>10</xdr:col>
      <xdr:colOff>165100</xdr:colOff>
      <xdr:row>78</xdr:row>
      <xdr:rowOff>19469</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29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596</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383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531</xdr:rowOff>
    </xdr:from>
    <xdr:to>
      <xdr:col>6</xdr:col>
      <xdr:colOff>38100</xdr:colOff>
      <xdr:row>78</xdr:row>
      <xdr:rowOff>109131</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38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0258</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473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57162</xdr:rowOff>
    </xdr:from>
    <xdr:to>
      <xdr:col>24</xdr:col>
      <xdr:colOff>114300</xdr:colOff>
      <xdr:row>75</xdr:row>
      <xdr:rowOff>158762</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915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80039</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7673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8,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85763</xdr:rowOff>
    </xdr:from>
    <xdr:to>
      <xdr:col>20</xdr:col>
      <xdr:colOff>38100</xdr:colOff>
      <xdr:row>76</xdr:row>
      <xdr:rowOff>15912</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94451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32440</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7197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74943</xdr:rowOff>
    </xdr:from>
    <xdr:to>
      <xdr:col>15</xdr:col>
      <xdr:colOff>101600</xdr:colOff>
      <xdr:row>76</xdr:row>
      <xdr:rowOff>5093</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933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21620</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7089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34150</xdr:rowOff>
    </xdr:from>
    <xdr:to>
      <xdr:col>10</xdr:col>
      <xdr:colOff>165100</xdr:colOff>
      <xdr:row>76</xdr:row>
      <xdr:rowOff>64300</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29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80827</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7681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0754</xdr:rowOff>
    </xdr:from>
    <xdr:to>
      <xdr:col>6</xdr:col>
      <xdr:colOff>38100</xdr:colOff>
      <xdr:row>76</xdr:row>
      <xdr:rowOff>70904</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2999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87431</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7747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21970</xdr:rowOff>
    </xdr:from>
    <xdr:ext cx="53129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230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38298</xdr:rowOff>
    </xdr:from>
    <xdr:ext cx="53129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230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1" name="テキスト ボックス 230">
          <a:extLst>
            <a:ext uri="{FF2B5EF4-FFF2-40B4-BE49-F238E27FC236}">
              <a16:creationId xmlns:a16="http://schemas.microsoft.com/office/drawing/2014/main" id="{00000000-0008-0000-0700-0000E7000000}"/>
            </a:ext>
          </a:extLst>
        </xdr:cNvPr>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衛生費グラフ枠">
          <a:extLst>
            <a:ext uri="{FF2B5EF4-FFF2-40B4-BE49-F238E27FC236}">
              <a16:creationId xmlns:a16="http://schemas.microsoft.com/office/drawing/2014/main" id="{00000000-0008-0000-0700-0000E8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01262</xdr:rowOff>
    </xdr:from>
    <xdr:to>
      <xdr:col>24</xdr:col>
      <xdr:colOff>62865</xdr:colOff>
      <xdr:row>98</xdr:row>
      <xdr:rowOff>143912</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4633595" y="15360312"/>
          <a:ext cx="1270" cy="1585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7739</xdr:rowOff>
    </xdr:from>
    <xdr:ext cx="534377" cy="259045"/>
    <xdr:sp macro="" textlink="">
      <xdr:nvSpPr>
        <xdr:cNvPr id="234" name="衛生費最小値テキスト">
          <a:extLst>
            <a:ext uri="{FF2B5EF4-FFF2-40B4-BE49-F238E27FC236}">
              <a16:creationId xmlns:a16="http://schemas.microsoft.com/office/drawing/2014/main" id="{00000000-0008-0000-0700-0000EA000000}"/>
            </a:ext>
          </a:extLst>
        </xdr:cNvPr>
        <xdr:cNvSpPr txBox="1"/>
      </xdr:nvSpPr>
      <xdr:spPr>
        <a:xfrm>
          <a:off x="4686300" y="16949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3912</xdr:rowOff>
    </xdr:from>
    <xdr:to>
      <xdr:col>24</xdr:col>
      <xdr:colOff>152400</xdr:colOff>
      <xdr:row>98</xdr:row>
      <xdr:rowOff>143912</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6946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47939</xdr:rowOff>
    </xdr:from>
    <xdr:ext cx="534377" cy="259045"/>
    <xdr:sp macro="" textlink="">
      <xdr:nvSpPr>
        <xdr:cNvPr id="236" name="衛生費最大値テキスト">
          <a:extLst>
            <a:ext uri="{FF2B5EF4-FFF2-40B4-BE49-F238E27FC236}">
              <a16:creationId xmlns:a16="http://schemas.microsoft.com/office/drawing/2014/main" id="{00000000-0008-0000-0700-0000EC000000}"/>
            </a:ext>
          </a:extLst>
        </xdr:cNvPr>
        <xdr:cNvSpPr txBox="1"/>
      </xdr:nvSpPr>
      <xdr:spPr>
        <a:xfrm>
          <a:off x="4686300" y="15135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2,42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01262</xdr:rowOff>
    </xdr:from>
    <xdr:to>
      <xdr:col>24</xdr:col>
      <xdr:colOff>152400</xdr:colOff>
      <xdr:row>89</xdr:row>
      <xdr:rowOff>101262</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a:off x="4546600" y="153603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384</xdr:rowOff>
    </xdr:from>
    <xdr:to>
      <xdr:col>24</xdr:col>
      <xdr:colOff>63500</xdr:colOff>
      <xdr:row>96</xdr:row>
      <xdr:rowOff>45189</xdr:rowOff>
    </xdr:to>
    <xdr:cxnSp macro="">
      <xdr:nvCxnSpPr>
        <xdr:cNvPr id="238" name="直線コネクタ 237">
          <a:extLst>
            <a:ext uri="{FF2B5EF4-FFF2-40B4-BE49-F238E27FC236}">
              <a16:creationId xmlns:a16="http://schemas.microsoft.com/office/drawing/2014/main" id="{00000000-0008-0000-0700-0000EE000000}"/>
            </a:ext>
          </a:extLst>
        </xdr:cNvPr>
        <xdr:cNvCxnSpPr/>
      </xdr:nvCxnSpPr>
      <xdr:spPr>
        <a:xfrm flipV="1">
          <a:off x="3797300" y="16459584"/>
          <a:ext cx="838200" cy="44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4335</xdr:rowOff>
    </xdr:from>
    <xdr:ext cx="534377" cy="259045"/>
    <xdr:sp macro="" textlink="">
      <xdr:nvSpPr>
        <xdr:cNvPr id="239" name="衛生費平均値テキスト">
          <a:extLst>
            <a:ext uri="{FF2B5EF4-FFF2-40B4-BE49-F238E27FC236}">
              <a16:creationId xmlns:a16="http://schemas.microsoft.com/office/drawing/2014/main" id="{00000000-0008-0000-0700-0000EF000000}"/>
            </a:ext>
          </a:extLst>
        </xdr:cNvPr>
        <xdr:cNvSpPr txBox="1"/>
      </xdr:nvSpPr>
      <xdr:spPr>
        <a:xfrm>
          <a:off x="4686300" y="167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5908</xdr:rowOff>
    </xdr:from>
    <xdr:to>
      <xdr:col>24</xdr:col>
      <xdr:colOff>114300</xdr:colOff>
      <xdr:row>98</xdr:row>
      <xdr:rowOff>46058</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4584700" y="167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33629</xdr:rowOff>
    </xdr:from>
    <xdr:to>
      <xdr:col>19</xdr:col>
      <xdr:colOff>177800</xdr:colOff>
      <xdr:row>96</xdr:row>
      <xdr:rowOff>45189</xdr:rowOff>
    </xdr:to>
    <xdr:cxnSp macro="">
      <xdr:nvCxnSpPr>
        <xdr:cNvPr id="241" name="直線コネクタ 240">
          <a:extLst>
            <a:ext uri="{FF2B5EF4-FFF2-40B4-BE49-F238E27FC236}">
              <a16:creationId xmlns:a16="http://schemas.microsoft.com/office/drawing/2014/main" id="{00000000-0008-0000-0700-0000F1000000}"/>
            </a:ext>
          </a:extLst>
        </xdr:cNvPr>
        <xdr:cNvCxnSpPr/>
      </xdr:nvCxnSpPr>
      <xdr:spPr>
        <a:xfrm>
          <a:off x="2908300" y="16492829"/>
          <a:ext cx="889000" cy="11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143143</xdr:rowOff>
    </xdr:from>
    <xdr:to>
      <xdr:col>20</xdr:col>
      <xdr:colOff>38100</xdr:colOff>
      <xdr:row>98</xdr:row>
      <xdr:rowOff>73293</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3746500" y="1677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64420</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3530111" y="16866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33629</xdr:rowOff>
    </xdr:from>
    <xdr:to>
      <xdr:col>15</xdr:col>
      <xdr:colOff>50800</xdr:colOff>
      <xdr:row>96</xdr:row>
      <xdr:rowOff>45679</xdr:rowOff>
    </xdr:to>
    <xdr:cxnSp macro="">
      <xdr:nvCxnSpPr>
        <xdr:cNvPr id="244" name="直線コネクタ 243">
          <a:extLst>
            <a:ext uri="{FF2B5EF4-FFF2-40B4-BE49-F238E27FC236}">
              <a16:creationId xmlns:a16="http://schemas.microsoft.com/office/drawing/2014/main" id="{00000000-0008-0000-0700-0000F4000000}"/>
            </a:ext>
          </a:extLst>
        </xdr:cNvPr>
        <xdr:cNvCxnSpPr/>
      </xdr:nvCxnSpPr>
      <xdr:spPr>
        <a:xfrm flipV="1">
          <a:off x="2019300" y="16492829"/>
          <a:ext cx="889000" cy="12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54704</xdr:rowOff>
    </xdr:from>
    <xdr:to>
      <xdr:col>15</xdr:col>
      <xdr:colOff>101600</xdr:colOff>
      <xdr:row>98</xdr:row>
      <xdr:rowOff>84854</xdr:rowOff>
    </xdr:to>
    <xdr:sp macro="" textlink="">
      <xdr:nvSpPr>
        <xdr:cNvPr id="245" name="フローチャート: 判断 244">
          <a:extLst>
            <a:ext uri="{FF2B5EF4-FFF2-40B4-BE49-F238E27FC236}">
              <a16:creationId xmlns:a16="http://schemas.microsoft.com/office/drawing/2014/main" id="{00000000-0008-0000-0700-0000F5000000}"/>
            </a:ext>
          </a:extLst>
        </xdr:cNvPr>
        <xdr:cNvSpPr/>
      </xdr:nvSpPr>
      <xdr:spPr>
        <a:xfrm>
          <a:off x="2857500" y="16785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75981</xdr:rowOff>
    </xdr:from>
    <xdr:ext cx="534377"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641111" y="16878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27327</xdr:rowOff>
    </xdr:from>
    <xdr:to>
      <xdr:col>10</xdr:col>
      <xdr:colOff>114300</xdr:colOff>
      <xdr:row>96</xdr:row>
      <xdr:rowOff>45679</xdr:rowOff>
    </xdr:to>
    <xdr:cxnSp macro="">
      <xdr:nvCxnSpPr>
        <xdr:cNvPr id="247" name="直線コネクタ 246">
          <a:extLst>
            <a:ext uri="{FF2B5EF4-FFF2-40B4-BE49-F238E27FC236}">
              <a16:creationId xmlns:a16="http://schemas.microsoft.com/office/drawing/2014/main" id="{00000000-0008-0000-0700-0000F7000000}"/>
            </a:ext>
          </a:extLst>
        </xdr:cNvPr>
        <xdr:cNvCxnSpPr/>
      </xdr:nvCxnSpPr>
      <xdr:spPr>
        <a:xfrm>
          <a:off x="1130300" y="16486527"/>
          <a:ext cx="889000" cy="18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22732</xdr:rowOff>
    </xdr:from>
    <xdr:to>
      <xdr:col>10</xdr:col>
      <xdr:colOff>165100</xdr:colOff>
      <xdr:row>98</xdr:row>
      <xdr:rowOff>52882</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968500" y="16753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44009</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1752111" y="16846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3967</xdr:rowOff>
    </xdr:from>
    <xdr:to>
      <xdr:col>6</xdr:col>
      <xdr:colOff>38100</xdr:colOff>
      <xdr:row>98</xdr:row>
      <xdr:rowOff>64117</xdr:rowOff>
    </xdr:to>
    <xdr:sp macro="" textlink="">
      <xdr:nvSpPr>
        <xdr:cNvPr id="250" name="フローチャート: 判断 249">
          <a:extLst>
            <a:ext uri="{FF2B5EF4-FFF2-40B4-BE49-F238E27FC236}">
              <a16:creationId xmlns:a16="http://schemas.microsoft.com/office/drawing/2014/main" id="{00000000-0008-0000-0700-0000FA000000}"/>
            </a:ext>
          </a:extLst>
        </xdr:cNvPr>
        <xdr:cNvSpPr/>
      </xdr:nvSpPr>
      <xdr:spPr>
        <a:xfrm>
          <a:off x="1079500" y="16764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5244</xdr:rowOff>
    </xdr:from>
    <xdr:ext cx="534377"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863111" y="16857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id="{00000000-0008-0000-0700-0000FF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1034</xdr:rowOff>
    </xdr:from>
    <xdr:to>
      <xdr:col>24</xdr:col>
      <xdr:colOff>114300</xdr:colOff>
      <xdr:row>96</xdr:row>
      <xdr:rowOff>51184</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4584700" y="164087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43911</xdr:rowOff>
    </xdr:from>
    <xdr:ext cx="534377" cy="259045"/>
    <xdr:sp macro="" textlink="">
      <xdr:nvSpPr>
        <xdr:cNvPr id="258" name="衛生費該当値テキスト">
          <a:extLst>
            <a:ext uri="{FF2B5EF4-FFF2-40B4-BE49-F238E27FC236}">
              <a16:creationId xmlns:a16="http://schemas.microsoft.com/office/drawing/2014/main" id="{00000000-0008-0000-0700-000002010000}"/>
            </a:ext>
          </a:extLst>
        </xdr:cNvPr>
        <xdr:cNvSpPr txBox="1"/>
      </xdr:nvSpPr>
      <xdr:spPr>
        <a:xfrm>
          <a:off x="4686300" y="16260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7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5839</xdr:rowOff>
    </xdr:from>
    <xdr:to>
      <xdr:col>20</xdr:col>
      <xdr:colOff>38100</xdr:colOff>
      <xdr:row>96</xdr:row>
      <xdr:rowOff>95989</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3746500" y="16453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12516</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3530111" y="16228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5</xdr:row>
      <xdr:rowOff>154279</xdr:rowOff>
    </xdr:from>
    <xdr:to>
      <xdr:col>15</xdr:col>
      <xdr:colOff>101600</xdr:colOff>
      <xdr:row>96</xdr:row>
      <xdr:rowOff>84429</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2857500" y="16442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00956</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2641111" y="162172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5</xdr:row>
      <xdr:rowOff>166329</xdr:rowOff>
    </xdr:from>
    <xdr:to>
      <xdr:col>10</xdr:col>
      <xdr:colOff>165100</xdr:colOff>
      <xdr:row>96</xdr:row>
      <xdr:rowOff>96479</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968500" y="164540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13006</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1752111" y="1622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7977</xdr:rowOff>
    </xdr:from>
    <xdr:to>
      <xdr:col>6</xdr:col>
      <xdr:colOff>38100</xdr:colOff>
      <xdr:row>96</xdr:row>
      <xdr:rowOff>78127</xdr:rowOff>
    </xdr:to>
    <xdr:sp macro="" textlink="">
      <xdr:nvSpPr>
        <xdr:cNvPr id="265" name="楕円 264">
          <a:extLst>
            <a:ext uri="{FF2B5EF4-FFF2-40B4-BE49-F238E27FC236}">
              <a16:creationId xmlns:a16="http://schemas.microsoft.com/office/drawing/2014/main" id="{00000000-0008-0000-0700-000009010000}"/>
            </a:ext>
          </a:extLst>
        </xdr:cNvPr>
        <xdr:cNvSpPr/>
      </xdr:nvSpPr>
      <xdr:spPr>
        <a:xfrm>
          <a:off x="1079500" y="164357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94654</xdr:rowOff>
    </xdr:from>
    <xdr:ext cx="534377" cy="259045"/>
    <xdr:sp macro="" textlink="">
      <xdr:nvSpPr>
        <xdr:cNvPr id="266" name="テキスト ボックス 265">
          <a:extLst>
            <a:ext uri="{FF2B5EF4-FFF2-40B4-BE49-F238E27FC236}">
              <a16:creationId xmlns:a16="http://schemas.microsoft.com/office/drawing/2014/main" id="{00000000-0008-0000-0700-00000A010000}"/>
            </a:ext>
          </a:extLst>
        </xdr:cNvPr>
        <xdr:cNvSpPr txBox="1"/>
      </xdr:nvSpPr>
      <xdr:spPr>
        <a:xfrm>
          <a:off x="863111" y="16210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a:extLst>
            <a:ext uri="{FF2B5EF4-FFF2-40B4-BE49-F238E27FC236}">
              <a16:creationId xmlns:a16="http://schemas.microsoft.com/office/drawing/2014/main" id="{00000000-0008-0000-0700-000011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a:extLst>
            <a:ext uri="{FF2B5EF4-FFF2-40B4-BE49-F238E27FC236}">
              <a16:creationId xmlns:a16="http://schemas.microsoft.com/office/drawing/2014/main" id="{00000000-0008-0000-0700-000012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5" name="テキスト ボックス 274">
          <a:extLst>
            <a:ext uri="{FF2B5EF4-FFF2-40B4-BE49-F238E27FC236}">
              <a16:creationId xmlns:a16="http://schemas.microsoft.com/office/drawing/2014/main" id="{00000000-0008-0000-0700-000013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a:extLst>
            <a:ext uri="{FF2B5EF4-FFF2-40B4-BE49-F238E27FC236}">
              <a16:creationId xmlns:a16="http://schemas.microsoft.com/office/drawing/2014/main" id="{00000000-0008-0000-0700-000014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7" name="直線コネクタ 286">
          <a:extLst>
            <a:ext uri="{FF2B5EF4-FFF2-40B4-BE49-F238E27FC236}">
              <a16:creationId xmlns:a16="http://schemas.microsoft.com/office/drawing/2014/main" id="{00000000-0008-0000-0700-00001F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8" name="テキスト ボックス 287">
          <a:extLst>
            <a:ext uri="{FF2B5EF4-FFF2-40B4-BE49-F238E27FC236}">
              <a16:creationId xmlns:a16="http://schemas.microsoft.com/office/drawing/2014/main" id="{00000000-0008-0000-0700-000020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9" name="労働費グラフ枠">
          <a:extLst>
            <a:ext uri="{FF2B5EF4-FFF2-40B4-BE49-F238E27FC236}">
              <a16:creationId xmlns:a16="http://schemas.microsoft.com/office/drawing/2014/main" id="{00000000-0008-0000-0700-000021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54178</xdr:rowOff>
    </xdr:from>
    <xdr:to>
      <xdr:col>54</xdr:col>
      <xdr:colOff>189865</xdr:colOff>
      <xdr:row>39</xdr:row>
      <xdr:rowOff>101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flipV="1">
          <a:off x="10475595" y="5469128"/>
          <a:ext cx="1270" cy="12184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43</xdr:rowOff>
    </xdr:from>
    <xdr:ext cx="378565" cy="259045"/>
    <xdr:sp macro="" textlink="">
      <xdr:nvSpPr>
        <xdr:cNvPr id="291" name="労働費最小値テキスト">
          <a:extLst>
            <a:ext uri="{FF2B5EF4-FFF2-40B4-BE49-F238E27FC236}">
              <a16:creationId xmlns:a16="http://schemas.microsoft.com/office/drawing/2014/main" id="{00000000-0008-0000-0700-000023010000}"/>
            </a:ext>
          </a:extLst>
        </xdr:cNvPr>
        <xdr:cNvSpPr txBox="1"/>
      </xdr:nvSpPr>
      <xdr:spPr>
        <a:xfrm>
          <a:off x="10528300" y="66913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016</xdr:rowOff>
    </xdr:from>
    <xdr:to>
      <xdr:col>55</xdr:col>
      <xdr:colOff>88900</xdr:colOff>
      <xdr:row>39</xdr:row>
      <xdr:rowOff>1016</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6687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100855</xdr:rowOff>
    </xdr:from>
    <xdr:ext cx="469744" cy="259045"/>
    <xdr:sp macro="" textlink="">
      <xdr:nvSpPr>
        <xdr:cNvPr id="293" name="労働費最大値テキスト">
          <a:extLst>
            <a:ext uri="{FF2B5EF4-FFF2-40B4-BE49-F238E27FC236}">
              <a16:creationId xmlns:a16="http://schemas.microsoft.com/office/drawing/2014/main" id="{00000000-0008-0000-0700-000025010000}"/>
            </a:ext>
          </a:extLst>
        </xdr:cNvPr>
        <xdr:cNvSpPr txBox="1"/>
      </xdr:nvSpPr>
      <xdr:spPr>
        <a:xfrm>
          <a:off x="10528300" y="524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31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54178</xdr:rowOff>
    </xdr:from>
    <xdr:to>
      <xdr:col>55</xdr:col>
      <xdr:colOff>88900</xdr:colOff>
      <xdr:row>31</xdr:row>
      <xdr:rowOff>154178</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10388600" y="5469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154178</xdr:rowOff>
    </xdr:from>
    <xdr:to>
      <xdr:col>55</xdr:col>
      <xdr:colOff>0</xdr:colOff>
      <xdr:row>32</xdr:row>
      <xdr:rowOff>39497</xdr:rowOff>
    </xdr:to>
    <xdr:cxnSp macro="">
      <xdr:nvCxnSpPr>
        <xdr:cNvPr id="295" name="直線コネクタ 294">
          <a:extLst>
            <a:ext uri="{FF2B5EF4-FFF2-40B4-BE49-F238E27FC236}">
              <a16:creationId xmlns:a16="http://schemas.microsoft.com/office/drawing/2014/main" id="{00000000-0008-0000-0700-000027010000}"/>
            </a:ext>
          </a:extLst>
        </xdr:cNvPr>
        <xdr:cNvCxnSpPr/>
      </xdr:nvCxnSpPr>
      <xdr:spPr>
        <a:xfrm flipV="1">
          <a:off x="9639300" y="5469128"/>
          <a:ext cx="838200" cy="56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5610</xdr:rowOff>
    </xdr:from>
    <xdr:ext cx="378565" cy="259045"/>
    <xdr:sp macro="" textlink="">
      <xdr:nvSpPr>
        <xdr:cNvPr id="296" name="労働費平均値テキスト">
          <a:extLst>
            <a:ext uri="{FF2B5EF4-FFF2-40B4-BE49-F238E27FC236}">
              <a16:creationId xmlns:a16="http://schemas.microsoft.com/office/drawing/2014/main" id="{00000000-0008-0000-0700-000028010000}"/>
            </a:ext>
          </a:extLst>
        </xdr:cNvPr>
        <xdr:cNvSpPr txBox="1"/>
      </xdr:nvSpPr>
      <xdr:spPr>
        <a:xfrm>
          <a:off x="10528300" y="63892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7183</xdr:rowOff>
    </xdr:from>
    <xdr:to>
      <xdr:col>55</xdr:col>
      <xdr:colOff>50800</xdr:colOff>
      <xdr:row>37</xdr:row>
      <xdr:rowOff>168783</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10426700" y="6410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39497</xdr:rowOff>
    </xdr:from>
    <xdr:to>
      <xdr:col>50</xdr:col>
      <xdr:colOff>114300</xdr:colOff>
      <xdr:row>32</xdr:row>
      <xdr:rowOff>40259</xdr:rowOff>
    </xdr:to>
    <xdr:cxnSp macro="">
      <xdr:nvCxnSpPr>
        <xdr:cNvPr id="298" name="直線コネクタ 297">
          <a:extLst>
            <a:ext uri="{FF2B5EF4-FFF2-40B4-BE49-F238E27FC236}">
              <a16:creationId xmlns:a16="http://schemas.microsoft.com/office/drawing/2014/main" id="{00000000-0008-0000-0700-00002A010000}"/>
            </a:ext>
          </a:extLst>
        </xdr:cNvPr>
        <xdr:cNvCxnSpPr/>
      </xdr:nvCxnSpPr>
      <xdr:spPr>
        <a:xfrm flipV="1">
          <a:off x="8750300" y="552589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62992</xdr:rowOff>
    </xdr:from>
    <xdr:to>
      <xdr:col>50</xdr:col>
      <xdr:colOff>165100</xdr:colOff>
      <xdr:row>37</xdr:row>
      <xdr:rowOff>164592</xdr:rowOff>
    </xdr:to>
    <xdr:sp macro="" textlink="">
      <xdr:nvSpPr>
        <xdr:cNvPr id="299" name="フローチャート: 判断 298">
          <a:extLst>
            <a:ext uri="{FF2B5EF4-FFF2-40B4-BE49-F238E27FC236}">
              <a16:creationId xmlns:a16="http://schemas.microsoft.com/office/drawing/2014/main" id="{00000000-0008-0000-0700-00002B010000}"/>
            </a:ext>
          </a:extLst>
        </xdr:cNvPr>
        <xdr:cNvSpPr/>
      </xdr:nvSpPr>
      <xdr:spPr>
        <a:xfrm>
          <a:off x="95885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55719</xdr:rowOff>
    </xdr:from>
    <xdr:ext cx="378565"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50017" y="649936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2</xdr:row>
      <xdr:rowOff>40259</xdr:rowOff>
    </xdr:from>
    <xdr:to>
      <xdr:col>45</xdr:col>
      <xdr:colOff>177800</xdr:colOff>
      <xdr:row>32</xdr:row>
      <xdr:rowOff>96266</xdr:rowOff>
    </xdr:to>
    <xdr:cxnSp macro="">
      <xdr:nvCxnSpPr>
        <xdr:cNvPr id="301" name="直線コネクタ 300">
          <a:extLst>
            <a:ext uri="{FF2B5EF4-FFF2-40B4-BE49-F238E27FC236}">
              <a16:creationId xmlns:a16="http://schemas.microsoft.com/office/drawing/2014/main" id="{00000000-0008-0000-0700-00002D010000}"/>
            </a:ext>
          </a:extLst>
        </xdr:cNvPr>
        <xdr:cNvCxnSpPr/>
      </xdr:nvCxnSpPr>
      <xdr:spPr>
        <a:xfrm flipV="1">
          <a:off x="7861300" y="5526659"/>
          <a:ext cx="889000" cy="56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50419</xdr:rowOff>
    </xdr:from>
    <xdr:to>
      <xdr:col>46</xdr:col>
      <xdr:colOff>38100</xdr:colOff>
      <xdr:row>37</xdr:row>
      <xdr:rowOff>152019</xdr:rowOff>
    </xdr:to>
    <xdr:sp macro="" textlink="">
      <xdr:nvSpPr>
        <xdr:cNvPr id="302" name="フローチャート: 判断 301">
          <a:extLst>
            <a:ext uri="{FF2B5EF4-FFF2-40B4-BE49-F238E27FC236}">
              <a16:creationId xmlns:a16="http://schemas.microsoft.com/office/drawing/2014/main" id="{00000000-0008-0000-0700-00002E010000}"/>
            </a:ext>
          </a:extLst>
        </xdr:cNvPr>
        <xdr:cNvSpPr/>
      </xdr:nvSpPr>
      <xdr:spPr>
        <a:xfrm>
          <a:off x="8699500" y="6394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43146</xdr:rowOff>
    </xdr:from>
    <xdr:ext cx="378565"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8561017" y="64867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96266</xdr:rowOff>
    </xdr:from>
    <xdr:to>
      <xdr:col>41</xdr:col>
      <xdr:colOff>50800</xdr:colOff>
      <xdr:row>33</xdr:row>
      <xdr:rowOff>36830</xdr:rowOff>
    </xdr:to>
    <xdr:cxnSp macro="">
      <xdr:nvCxnSpPr>
        <xdr:cNvPr id="304" name="直線コネクタ 303">
          <a:extLst>
            <a:ext uri="{FF2B5EF4-FFF2-40B4-BE49-F238E27FC236}">
              <a16:creationId xmlns:a16="http://schemas.microsoft.com/office/drawing/2014/main" id="{00000000-0008-0000-0700-000030010000}"/>
            </a:ext>
          </a:extLst>
        </xdr:cNvPr>
        <xdr:cNvCxnSpPr/>
      </xdr:nvCxnSpPr>
      <xdr:spPr>
        <a:xfrm flipV="1">
          <a:off x="6972300" y="5582666"/>
          <a:ext cx="889000" cy="112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7178</xdr:rowOff>
    </xdr:from>
    <xdr:to>
      <xdr:col>41</xdr:col>
      <xdr:colOff>101600</xdr:colOff>
      <xdr:row>37</xdr:row>
      <xdr:rowOff>128778</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7810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19905</xdr:rowOff>
    </xdr:from>
    <xdr:ext cx="378565"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7672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53848</xdr:rowOff>
    </xdr:from>
    <xdr:to>
      <xdr:col>36</xdr:col>
      <xdr:colOff>165100</xdr:colOff>
      <xdr:row>37</xdr:row>
      <xdr:rowOff>155448</xdr:rowOff>
    </xdr:to>
    <xdr:sp macro="" textlink="">
      <xdr:nvSpPr>
        <xdr:cNvPr id="307" name="フローチャート: 判断 306">
          <a:extLst>
            <a:ext uri="{FF2B5EF4-FFF2-40B4-BE49-F238E27FC236}">
              <a16:creationId xmlns:a16="http://schemas.microsoft.com/office/drawing/2014/main" id="{00000000-0008-0000-0700-000033010000}"/>
            </a:ext>
          </a:extLst>
        </xdr:cNvPr>
        <xdr:cNvSpPr/>
      </xdr:nvSpPr>
      <xdr:spPr>
        <a:xfrm>
          <a:off x="6921500" y="63974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46575</xdr:rowOff>
    </xdr:from>
    <xdr:ext cx="378565"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6783017" y="64902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id="{00000000-0008-0000-0700-000038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1</xdr:row>
      <xdr:rowOff>103378</xdr:rowOff>
    </xdr:from>
    <xdr:to>
      <xdr:col>55</xdr:col>
      <xdr:colOff>50800</xdr:colOff>
      <xdr:row>32</xdr:row>
      <xdr:rowOff>33528</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10426700" y="5418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1</xdr:row>
      <xdr:rowOff>56405</xdr:rowOff>
    </xdr:from>
    <xdr:ext cx="469744" cy="259045"/>
    <xdr:sp macro="" textlink="">
      <xdr:nvSpPr>
        <xdr:cNvPr id="315" name="労働費該当値テキスト">
          <a:extLst>
            <a:ext uri="{FF2B5EF4-FFF2-40B4-BE49-F238E27FC236}">
              <a16:creationId xmlns:a16="http://schemas.microsoft.com/office/drawing/2014/main" id="{00000000-0008-0000-0700-00003B010000}"/>
            </a:ext>
          </a:extLst>
        </xdr:cNvPr>
        <xdr:cNvSpPr txBox="1"/>
      </xdr:nvSpPr>
      <xdr:spPr>
        <a:xfrm>
          <a:off x="10528300" y="5371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1</xdr:row>
      <xdr:rowOff>160147</xdr:rowOff>
    </xdr:from>
    <xdr:to>
      <xdr:col>50</xdr:col>
      <xdr:colOff>165100</xdr:colOff>
      <xdr:row>32</xdr:row>
      <xdr:rowOff>90297</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9588500" y="5475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0</xdr:row>
      <xdr:rowOff>106824</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9404428" y="5250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1</xdr:row>
      <xdr:rowOff>160909</xdr:rowOff>
    </xdr:from>
    <xdr:to>
      <xdr:col>46</xdr:col>
      <xdr:colOff>38100</xdr:colOff>
      <xdr:row>32</xdr:row>
      <xdr:rowOff>91059</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8699500" y="5475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0</xdr:row>
      <xdr:rowOff>107586</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8515428" y="52510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2</xdr:row>
      <xdr:rowOff>45466</xdr:rowOff>
    </xdr:from>
    <xdr:to>
      <xdr:col>41</xdr:col>
      <xdr:colOff>101600</xdr:colOff>
      <xdr:row>32</xdr:row>
      <xdr:rowOff>147066</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7810500" y="5531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0</xdr:row>
      <xdr:rowOff>163593</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7626428" y="53070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157480</xdr:rowOff>
    </xdr:from>
    <xdr:to>
      <xdr:col>36</xdr:col>
      <xdr:colOff>165100</xdr:colOff>
      <xdr:row>33</xdr:row>
      <xdr:rowOff>87630</xdr:rowOff>
    </xdr:to>
    <xdr:sp macro="" textlink="">
      <xdr:nvSpPr>
        <xdr:cNvPr id="322" name="楕円 321">
          <a:extLst>
            <a:ext uri="{FF2B5EF4-FFF2-40B4-BE49-F238E27FC236}">
              <a16:creationId xmlns:a16="http://schemas.microsoft.com/office/drawing/2014/main" id="{00000000-0008-0000-0700-000042010000}"/>
            </a:ext>
          </a:extLst>
        </xdr:cNvPr>
        <xdr:cNvSpPr/>
      </xdr:nvSpPr>
      <xdr:spPr>
        <a:xfrm>
          <a:off x="6921500" y="564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1</xdr:row>
      <xdr:rowOff>104157</xdr:rowOff>
    </xdr:from>
    <xdr:ext cx="469744" cy="259045"/>
    <xdr:sp macro="" textlink="">
      <xdr:nvSpPr>
        <xdr:cNvPr id="323" name="テキスト ボックス 322">
          <a:extLst>
            <a:ext uri="{FF2B5EF4-FFF2-40B4-BE49-F238E27FC236}">
              <a16:creationId xmlns:a16="http://schemas.microsoft.com/office/drawing/2014/main" id="{00000000-0008-0000-0700-000043010000}"/>
            </a:ext>
          </a:extLst>
        </xdr:cNvPr>
        <xdr:cNvSpPr txBox="1"/>
      </xdr:nvSpPr>
      <xdr:spPr>
        <a:xfrm>
          <a:off x="6737428" y="5419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0" name="正方形/長方形 329">
          <a:extLst>
            <a:ext uri="{FF2B5EF4-FFF2-40B4-BE49-F238E27FC236}">
              <a16:creationId xmlns:a16="http://schemas.microsoft.com/office/drawing/2014/main" id="{00000000-0008-0000-0700-00004A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1" name="正方形/長方形 330">
          <a:extLst>
            <a:ext uri="{FF2B5EF4-FFF2-40B4-BE49-F238E27FC236}">
              <a16:creationId xmlns:a16="http://schemas.microsoft.com/office/drawing/2014/main" id="{00000000-0008-0000-0700-00004B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2" name="テキスト ボックス 331">
          <a:extLst>
            <a:ext uri="{FF2B5EF4-FFF2-40B4-BE49-F238E27FC236}">
              <a16:creationId xmlns:a16="http://schemas.microsoft.com/office/drawing/2014/main" id="{00000000-0008-0000-0700-00004C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3" name="直線コネクタ 332">
          <a:extLst>
            <a:ext uri="{FF2B5EF4-FFF2-40B4-BE49-F238E27FC236}">
              <a16:creationId xmlns:a16="http://schemas.microsoft.com/office/drawing/2014/main" id="{00000000-0008-0000-0700-00004D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5</xdr:row>
      <xdr:rowOff>54627</xdr:rowOff>
    </xdr:from>
    <xdr:ext cx="377026"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226974" y="9484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111777</xdr:rowOff>
    </xdr:from>
    <xdr:ext cx="46717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136821" y="9027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168927</xdr:rowOff>
    </xdr:from>
    <xdr:ext cx="467179" cy="259045"/>
    <xdr:sp macro="" textlink="">
      <xdr:nvSpPr>
        <xdr:cNvPr id="341" name="テキスト ボックス 340">
          <a:extLst>
            <a:ext uri="{FF2B5EF4-FFF2-40B4-BE49-F238E27FC236}">
              <a16:creationId xmlns:a16="http://schemas.microsoft.com/office/drawing/2014/main" id="{00000000-0008-0000-0700-000055010000}"/>
            </a:ext>
          </a:extLst>
        </xdr:cNvPr>
        <xdr:cNvSpPr txBox="1"/>
      </xdr:nvSpPr>
      <xdr:spPr>
        <a:xfrm>
          <a:off x="6136821" y="8569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a:extLst>
            <a:ext uri="{FF2B5EF4-FFF2-40B4-BE49-F238E27FC236}">
              <a16:creationId xmlns:a16="http://schemas.microsoft.com/office/drawing/2014/main" id="{00000000-0008-0000-0700-000056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3" name="テキスト ボックス 342">
          <a:extLst>
            <a:ext uri="{FF2B5EF4-FFF2-40B4-BE49-F238E27FC236}">
              <a16:creationId xmlns:a16="http://schemas.microsoft.com/office/drawing/2014/main" id="{00000000-0008-0000-0700-000057010000}"/>
            </a:ext>
          </a:extLst>
        </xdr:cNvPr>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農林水産業費グラフ枠">
          <a:extLst>
            <a:ext uri="{FF2B5EF4-FFF2-40B4-BE49-F238E27FC236}">
              <a16:creationId xmlns:a16="http://schemas.microsoft.com/office/drawing/2014/main" id="{00000000-0008-0000-0700-000058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21412</xdr:rowOff>
    </xdr:from>
    <xdr:to>
      <xdr:col>54</xdr:col>
      <xdr:colOff>189865</xdr:colOff>
      <xdr:row>58</xdr:row>
      <xdr:rowOff>139700</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flipV="1">
          <a:off x="10475595" y="8693912"/>
          <a:ext cx="1270"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3527</xdr:rowOff>
    </xdr:from>
    <xdr:ext cx="249299" cy="259045"/>
    <xdr:sp macro="" textlink="">
      <xdr:nvSpPr>
        <xdr:cNvPr id="346" name="農林水産業費最小値テキスト">
          <a:extLst>
            <a:ext uri="{FF2B5EF4-FFF2-40B4-BE49-F238E27FC236}">
              <a16:creationId xmlns:a16="http://schemas.microsoft.com/office/drawing/2014/main" id="{00000000-0008-0000-0700-00005A010000}"/>
            </a:ext>
          </a:extLst>
        </xdr:cNvPr>
        <xdr:cNvSpPr txBox="1"/>
      </xdr:nvSpPr>
      <xdr:spPr>
        <a:xfrm>
          <a:off x="10528300" y="10087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9700</xdr:rowOff>
    </xdr:from>
    <xdr:to>
      <xdr:col>55</xdr:col>
      <xdr:colOff>88900</xdr:colOff>
      <xdr:row>58</xdr:row>
      <xdr:rowOff>139700</xdr:rowOff>
    </xdr:to>
    <xdr:cxnSp macro="">
      <xdr:nvCxnSpPr>
        <xdr:cNvPr id="347" name="直線コネクタ 346">
          <a:extLst>
            <a:ext uri="{FF2B5EF4-FFF2-40B4-BE49-F238E27FC236}">
              <a16:creationId xmlns:a16="http://schemas.microsoft.com/office/drawing/2014/main" id="{00000000-0008-0000-0700-00005B010000}"/>
            </a:ext>
          </a:extLst>
        </xdr:cNvPr>
        <xdr:cNvCxnSpPr/>
      </xdr:nvCxnSpPr>
      <xdr:spPr>
        <a:xfrm>
          <a:off x="10388600" y="1008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68089</xdr:rowOff>
    </xdr:from>
    <xdr:ext cx="469744" cy="259045"/>
    <xdr:sp macro="" textlink="">
      <xdr:nvSpPr>
        <xdr:cNvPr id="348" name="農林水産業費最大値テキスト">
          <a:extLst>
            <a:ext uri="{FF2B5EF4-FFF2-40B4-BE49-F238E27FC236}">
              <a16:creationId xmlns:a16="http://schemas.microsoft.com/office/drawing/2014/main" id="{00000000-0008-0000-0700-00005C010000}"/>
            </a:ext>
          </a:extLst>
        </xdr:cNvPr>
        <xdr:cNvSpPr txBox="1"/>
      </xdr:nvSpPr>
      <xdr:spPr>
        <a:xfrm>
          <a:off x="10528300" y="8469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21412</xdr:rowOff>
    </xdr:from>
    <xdr:to>
      <xdr:col>55</xdr:col>
      <xdr:colOff>88900</xdr:colOff>
      <xdr:row>50</xdr:row>
      <xdr:rowOff>121412</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10388600" y="8693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39700</xdr:rowOff>
    </xdr:from>
    <xdr:to>
      <xdr:col>55</xdr:col>
      <xdr:colOff>0</xdr:colOff>
      <xdr:row>58</xdr:row>
      <xdr:rowOff>139700</xdr:rowOff>
    </xdr:to>
    <xdr:cxnSp macro="">
      <xdr:nvCxnSpPr>
        <xdr:cNvPr id="350" name="直線コネクタ 349">
          <a:extLst>
            <a:ext uri="{FF2B5EF4-FFF2-40B4-BE49-F238E27FC236}">
              <a16:creationId xmlns:a16="http://schemas.microsoft.com/office/drawing/2014/main" id="{00000000-0008-0000-0700-00005E010000}"/>
            </a:ext>
          </a:extLst>
        </xdr:cNvPr>
        <xdr:cNvCxnSpPr/>
      </xdr:nvCxnSpPr>
      <xdr:spPr>
        <a:xfrm>
          <a:off x="9639300" y="10083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8460</xdr:rowOff>
    </xdr:from>
    <xdr:ext cx="378565" cy="259045"/>
    <xdr:sp macro="" textlink="">
      <xdr:nvSpPr>
        <xdr:cNvPr id="351" name="農林水産業費平均値テキスト">
          <a:extLst>
            <a:ext uri="{FF2B5EF4-FFF2-40B4-BE49-F238E27FC236}">
              <a16:creationId xmlns:a16="http://schemas.microsoft.com/office/drawing/2014/main" id="{00000000-0008-0000-0700-00005F010000}"/>
            </a:ext>
          </a:extLst>
        </xdr:cNvPr>
        <xdr:cNvSpPr txBox="1"/>
      </xdr:nvSpPr>
      <xdr:spPr>
        <a:xfrm>
          <a:off x="10528300" y="968966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5583</xdr:rowOff>
    </xdr:from>
    <xdr:to>
      <xdr:col>55</xdr:col>
      <xdr:colOff>50800</xdr:colOff>
      <xdr:row>57</xdr:row>
      <xdr:rowOff>167183</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10426700" y="9838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39700</xdr:rowOff>
    </xdr:from>
    <xdr:to>
      <xdr:col>50</xdr:col>
      <xdr:colOff>114300</xdr:colOff>
      <xdr:row>58</xdr:row>
      <xdr:rowOff>139700</xdr:rowOff>
    </xdr:to>
    <xdr:cxnSp macro="">
      <xdr:nvCxnSpPr>
        <xdr:cNvPr id="353" name="直線コネクタ 352">
          <a:extLst>
            <a:ext uri="{FF2B5EF4-FFF2-40B4-BE49-F238E27FC236}">
              <a16:creationId xmlns:a16="http://schemas.microsoft.com/office/drawing/2014/main" id="{00000000-0008-0000-0700-000061010000}"/>
            </a:ext>
          </a:extLst>
        </xdr:cNvPr>
        <xdr:cNvCxnSpPr/>
      </xdr:nvCxnSpPr>
      <xdr:spPr>
        <a:xfrm>
          <a:off x="8750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3822</xdr:rowOff>
    </xdr:from>
    <xdr:to>
      <xdr:col>50</xdr:col>
      <xdr:colOff>165100</xdr:colOff>
      <xdr:row>57</xdr:row>
      <xdr:rowOff>83972</xdr:rowOff>
    </xdr:to>
    <xdr:sp macro="" textlink="">
      <xdr:nvSpPr>
        <xdr:cNvPr id="354" name="フローチャート: 判断 353">
          <a:extLst>
            <a:ext uri="{FF2B5EF4-FFF2-40B4-BE49-F238E27FC236}">
              <a16:creationId xmlns:a16="http://schemas.microsoft.com/office/drawing/2014/main" id="{00000000-0008-0000-0700-000062010000}"/>
            </a:ext>
          </a:extLst>
        </xdr:cNvPr>
        <xdr:cNvSpPr/>
      </xdr:nvSpPr>
      <xdr:spPr>
        <a:xfrm>
          <a:off x="9588500" y="9755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5</xdr:row>
      <xdr:rowOff>100499</xdr:rowOff>
    </xdr:from>
    <xdr:ext cx="378565"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9450017" y="95302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39700</xdr:rowOff>
    </xdr:from>
    <xdr:to>
      <xdr:col>45</xdr:col>
      <xdr:colOff>177800</xdr:colOff>
      <xdr:row>58</xdr:row>
      <xdr:rowOff>139700</xdr:rowOff>
    </xdr:to>
    <xdr:cxnSp macro="">
      <xdr:nvCxnSpPr>
        <xdr:cNvPr id="356" name="直線コネクタ 355">
          <a:extLst>
            <a:ext uri="{FF2B5EF4-FFF2-40B4-BE49-F238E27FC236}">
              <a16:creationId xmlns:a16="http://schemas.microsoft.com/office/drawing/2014/main" id="{00000000-0008-0000-0700-000064010000}"/>
            </a:ext>
          </a:extLst>
        </xdr:cNvPr>
        <xdr:cNvCxnSpPr/>
      </xdr:nvCxnSpPr>
      <xdr:spPr>
        <a:xfrm>
          <a:off x="7861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24104</xdr:rowOff>
    </xdr:from>
    <xdr:to>
      <xdr:col>46</xdr:col>
      <xdr:colOff>38100</xdr:colOff>
      <xdr:row>58</xdr:row>
      <xdr:rowOff>54254</xdr:rowOff>
    </xdr:to>
    <xdr:sp macro="" textlink="">
      <xdr:nvSpPr>
        <xdr:cNvPr id="357" name="フローチャート: 判断 356">
          <a:extLst>
            <a:ext uri="{FF2B5EF4-FFF2-40B4-BE49-F238E27FC236}">
              <a16:creationId xmlns:a16="http://schemas.microsoft.com/office/drawing/2014/main" id="{00000000-0008-0000-0700-000065010000}"/>
            </a:ext>
          </a:extLst>
        </xdr:cNvPr>
        <xdr:cNvSpPr/>
      </xdr:nvSpPr>
      <xdr:spPr>
        <a:xfrm>
          <a:off x="8699500" y="9896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70781</xdr:rowOff>
    </xdr:from>
    <xdr:ext cx="378565"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8561017" y="96719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39700</xdr:rowOff>
    </xdr:from>
    <xdr:to>
      <xdr:col>41</xdr:col>
      <xdr:colOff>50800</xdr:colOff>
      <xdr:row>58</xdr:row>
      <xdr:rowOff>139700</xdr:rowOff>
    </xdr:to>
    <xdr:cxnSp macro="">
      <xdr:nvCxnSpPr>
        <xdr:cNvPr id="359" name="直線コネクタ 358">
          <a:extLst>
            <a:ext uri="{FF2B5EF4-FFF2-40B4-BE49-F238E27FC236}">
              <a16:creationId xmlns:a16="http://schemas.microsoft.com/office/drawing/2014/main" id="{00000000-0008-0000-0700-000067010000}"/>
            </a:ext>
          </a:extLst>
        </xdr:cNvPr>
        <xdr:cNvCxnSpPr/>
      </xdr:nvCxnSpPr>
      <xdr:spPr>
        <a:xfrm>
          <a:off x="6972300" y="10083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149708</xdr:rowOff>
    </xdr:from>
    <xdr:to>
      <xdr:col>41</xdr:col>
      <xdr:colOff>101600</xdr:colOff>
      <xdr:row>58</xdr:row>
      <xdr:rowOff>79858</xdr:rowOff>
    </xdr:to>
    <xdr:sp macro="" textlink="">
      <xdr:nvSpPr>
        <xdr:cNvPr id="360" name="フローチャート: 判断 359">
          <a:extLst>
            <a:ext uri="{FF2B5EF4-FFF2-40B4-BE49-F238E27FC236}">
              <a16:creationId xmlns:a16="http://schemas.microsoft.com/office/drawing/2014/main" id="{00000000-0008-0000-0700-000068010000}"/>
            </a:ext>
          </a:extLst>
        </xdr:cNvPr>
        <xdr:cNvSpPr/>
      </xdr:nvSpPr>
      <xdr:spPr>
        <a:xfrm>
          <a:off x="7810500" y="9922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96385</xdr:rowOff>
    </xdr:from>
    <xdr:ext cx="378565"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7672017" y="96975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52451</xdr:rowOff>
    </xdr:from>
    <xdr:to>
      <xdr:col>36</xdr:col>
      <xdr:colOff>165100</xdr:colOff>
      <xdr:row>58</xdr:row>
      <xdr:rowOff>82601</xdr:rowOff>
    </xdr:to>
    <xdr:sp macro="" textlink="">
      <xdr:nvSpPr>
        <xdr:cNvPr id="362" name="フローチャート: 判断 361">
          <a:extLst>
            <a:ext uri="{FF2B5EF4-FFF2-40B4-BE49-F238E27FC236}">
              <a16:creationId xmlns:a16="http://schemas.microsoft.com/office/drawing/2014/main" id="{00000000-0008-0000-0700-00006A010000}"/>
            </a:ext>
          </a:extLst>
        </xdr:cNvPr>
        <xdr:cNvSpPr/>
      </xdr:nvSpPr>
      <xdr:spPr>
        <a:xfrm>
          <a:off x="6921500" y="9925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6</xdr:row>
      <xdr:rowOff>99128</xdr:rowOff>
    </xdr:from>
    <xdr:ext cx="378565"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6783017" y="970032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700-00006D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700-00006F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88900</xdr:rowOff>
    </xdr:from>
    <xdr:to>
      <xdr:col>55</xdr:col>
      <xdr:colOff>50800</xdr:colOff>
      <xdr:row>59</xdr:row>
      <xdr:rowOff>19050</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104267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827</xdr:rowOff>
    </xdr:from>
    <xdr:ext cx="249299" cy="259045"/>
    <xdr:sp macro="" textlink="">
      <xdr:nvSpPr>
        <xdr:cNvPr id="370" name="農林水産業費該当値テキスト">
          <a:extLst>
            <a:ext uri="{FF2B5EF4-FFF2-40B4-BE49-F238E27FC236}">
              <a16:creationId xmlns:a16="http://schemas.microsoft.com/office/drawing/2014/main" id="{00000000-0008-0000-0700-000072010000}"/>
            </a:ext>
          </a:extLst>
        </xdr:cNvPr>
        <xdr:cNvSpPr txBox="1"/>
      </xdr:nvSpPr>
      <xdr:spPr>
        <a:xfrm>
          <a:off x="10528300" y="994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88900</xdr:rowOff>
    </xdr:from>
    <xdr:to>
      <xdr:col>50</xdr:col>
      <xdr:colOff>165100</xdr:colOff>
      <xdr:row>59</xdr:row>
      <xdr:rowOff>19050</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9588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59</xdr:row>
      <xdr:rowOff>10177</xdr:rowOff>
    </xdr:from>
    <xdr:ext cx="249299"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9514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8900</xdr:rowOff>
    </xdr:from>
    <xdr:to>
      <xdr:col>46</xdr:col>
      <xdr:colOff>38100</xdr:colOff>
      <xdr:row>59</xdr:row>
      <xdr:rowOff>19050</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8699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59</xdr:row>
      <xdr:rowOff>10177</xdr:rowOff>
    </xdr:from>
    <xdr:ext cx="249299"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8625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88900</xdr:rowOff>
    </xdr:from>
    <xdr:to>
      <xdr:col>41</xdr:col>
      <xdr:colOff>101600</xdr:colOff>
      <xdr:row>59</xdr:row>
      <xdr:rowOff>19050</xdr:rowOff>
    </xdr:to>
    <xdr:sp macro="" textlink="">
      <xdr:nvSpPr>
        <xdr:cNvPr id="375" name="楕円 374">
          <a:extLst>
            <a:ext uri="{FF2B5EF4-FFF2-40B4-BE49-F238E27FC236}">
              <a16:creationId xmlns:a16="http://schemas.microsoft.com/office/drawing/2014/main" id="{00000000-0008-0000-0700-000077010000}"/>
            </a:ext>
          </a:extLst>
        </xdr:cNvPr>
        <xdr:cNvSpPr/>
      </xdr:nvSpPr>
      <xdr:spPr>
        <a:xfrm>
          <a:off x="7810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59</xdr:row>
      <xdr:rowOff>10177</xdr:rowOff>
    </xdr:from>
    <xdr:ext cx="249299" cy="259045"/>
    <xdr:sp macro="" textlink="">
      <xdr:nvSpPr>
        <xdr:cNvPr id="376" name="テキスト ボックス 375">
          <a:extLst>
            <a:ext uri="{FF2B5EF4-FFF2-40B4-BE49-F238E27FC236}">
              <a16:creationId xmlns:a16="http://schemas.microsoft.com/office/drawing/2014/main" id="{00000000-0008-0000-0700-000078010000}"/>
            </a:ext>
          </a:extLst>
        </xdr:cNvPr>
        <xdr:cNvSpPr txBox="1"/>
      </xdr:nvSpPr>
      <xdr:spPr>
        <a:xfrm>
          <a:off x="7736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88900</xdr:rowOff>
    </xdr:from>
    <xdr:to>
      <xdr:col>36</xdr:col>
      <xdr:colOff>165100</xdr:colOff>
      <xdr:row>59</xdr:row>
      <xdr:rowOff>19050</xdr:rowOff>
    </xdr:to>
    <xdr:sp macro="" textlink="">
      <xdr:nvSpPr>
        <xdr:cNvPr id="377" name="楕円 376">
          <a:extLst>
            <a:ext uri="{FF2B5EF4-FFF2-40B4-BE49-F238E27FC236}">
              <a16:creationId xmlns:a16="http://schemas.microsoft.com/office/drawing/2014/main" id="{00000000-0008-0000-0700-000079010000}"/>
            </a:ext>
          </a:extLst>
        </xdr:cNvPr>
        <xdr:cNvSpPr/>
      </xdr:nvSpPr>
      <xdr:spPr>
        <a:xfrm>
          <a:off x="6921500" y="10033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59</xdr:row>
      <xdr:rowOff>10177</xdr:rowOff>
    </xdr:from>
    <xdr:ext cx="249299" cy="259045"/>
    <xdr:sp macro="" textlink="">
      <xdr:nvSpPr>
        <xdr:cNvPr id="378" name="テキスト ボックス 377">
          <a:extLst>
            <a:ext uri="{FF2B5EF4-FFF2-40B4-BE49-F238E27FC236}">
              <a16:creationId xmlns:a16="http://schemas.microsoft.com/office/drawing/2014/main" id="{00000000-0008-0000-0700-00007A010000}"/>
            </a:ext>
          </a:extLst>
        </xdr:cNvPr>
        <xdr:cNvSpPr txBox="1"/>
      </xdr:nvSpPr>
      <xdr:spPr>
        <a:xfrm>
          <a:off x="6847650" y="10125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a:extLst>
            <a:ext uri="{FF2B5EF4-FFF2-40B4-BE49-F238E27FC236}">
              <a16:creationId xmlns:a16="http://schemas.microsoft.com/office/drawing/2014/main" id="{00000000-0008-0000-0700-00007F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a:extLst>
            <a:ext uri="{FF2B5EF4-FFF2-40B4-BE49-F238E27FC236}">
              <a16:creationId xmlns:a16="http://schemas.microsoft.com/office/drawing/2014/main" id="{00000000-0008-0000-0700-000080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a:extLst>
            <a:ext uri="{FF2B5EF4-FFF2-40B4-BE49-F238E27FC236}">
              <a16:creationId xmlns:a16="http://schemas.microsoft.com/office/drawing/2014/main" id="{00000000-0008-0000-0700-000081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a:extLst>
            <a:ext uri="{FF2B5EF4-FFF2-40B4-BE49-F238E27FC236}">
              <a16:creationId xmlns:a16="http://schemas.microsoft.com/office/drawing/2014/main" id="{00000000-0008-0000-0700-000082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a:extLst>
            <a:ext uri="{FF2B5EF4-FFF2-40B4-BE49-F238E27FC236}">
              <a16:creationId xmlns:a16="http://schemas.microsoft.com/office/drawing/2014/main" id="{00000000-0008-0000-0700-000083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a:extLst>
            <a:ext uri="{FF2B5EF4-FFF2-40B4-BE49-F238E27FC236}">
              <a16:creationId xmlns:a16="http://schemas.microsoft.com/office/drawing/2014/main" id="{00000000-0008-0000-0700-000084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a:extLst>
            <a:ext uri="{FF2B5EF4-FFF2-40B4-BE49-F238E27FC236}">
              <a16:creationId xmlns:a16="http://schemas.microsoft.com/office/drawing/2014/main" id="{00000000-0008-0000-0700-00008E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62011</xdr:rowOff>
    </xdr:from>
    <xdr:to>
      <xdr:col>54</xdr:col>
      <xdr:colOff>189865</xdr:colOff>
      <xdr:row>78</xdr:row>
      <xdr:rowOff>18907</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flipV="1">
          <a:off x="10475595" y="12334961"/>
          <a:ext cx="1270" cy="10570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22734</xdr:rowOff>
    </xdr:from>
    <xdr:ext cx="469744" cy="259045"/>
    <xdr:sp macro="" textlink="">
      <xdr:nvSpPr>
        <xdr:cNvPr id="401" name="商工費最小値テキスト">
          <a:extLst>
            <a:ext uri="{FF2B5EF4-FFF2-40B4-BE49-F238E27FC236}">
              <a16:creationId xmlns:a16="http://schemas.microsoft.com/office/drawing/2014/main" id="{00000000-0008-0000-0700-000091010000}"/>
            </a:ext>
          </a:extLst>
        </xdr:cNvPr>
        <xdr:cNvSpPr txBox="1"/>
      </xdr:nvSpPr>
      <xdr:spPr>
        <a:xfrm>
          <a:off x="10528300" y="13395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8907</xdr:rowOff>
    </xdr:from>
    <xdr:to>
      <xdr:col>55</xdr:col>
      <xdr:colOff>88900</xdr:colOff>
      <xdr:row>78</xdr:row>
      <xdr:rowOff>18907</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33920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08688</xdr:rowOff>
    </xdr:from>
    <xdr:ext cx="534377" cy="259045"/>
    <xdr:sp macro="" textlink="">
      <xdr:nvSpPr>
        <xdr:cNvPr id="403" name="商工費最大値テキスト">
          <a:extLst>
            <a:ext uri="{FF2B5EF4-FFF2-40B4-BE49-F238E27FC236}">
              <a16:creationId xmlns:a16="http://schemas.microsoft.com/office/drawing/2014/main" id="{00000000-0008-0000-0700-000093010000}"/>
            </a:ext>
          </a:extLst>
        </xdr:cNvPr>
        <xdr:cNvSpPr txBox="1"/>
      </xdr:nvSpPr>
      <xdr:spPr>
        <a:xfrm>
          <a:off x="10528300" y="12110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6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62011</xdr:rowOff>
    </xdr:from>
    <xdr:to>
      <xdr:col>55</xdr:col>
      <xdr:colOff>88900</xdr:colOff>
      <xdr:row>71</xdr:row>
      <xdr:rowOff>162011</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a:off x="10388600" y="12334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150856</xdr:rowOff>
    </xdr:from>
    <xdr:to>
      <xdr:col>55</xdr:col>
      <xdr:colOff>0</xdr:colOff>
      <xdr:row>77</xdr:row>
      <xdr:rowOff>35367</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9639300" y="13181056"/>
          <a:ext cx="838200" cy="55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148251</xdr:rowOff>
    </xdr:from>
    <xdr:ext cx="469744" cy="259045"/>
    <xdr:sp macro="" textlink="">
      <xdr:nvSpPr>
        <xdr:cNvPr id="406" name="商工費平均値テキスト">
          <a:extLst>
            <a:ext uri="{FF2B5EF4-FFF2-40B4-BE49-F238E27FC236}">
              <a16:creationId xmlns:a16="http://schemas.microsoft.com/office/drawing/2014/main" id="{00000000-0008-0000-0700-000096010000}"/>
            </a:ext>
          </a:extLst>
        </xdr:cNvPr>
        <xdr:cNvSpPr txBox="1"/>
      </xdr:nvSpPr>
      <xdr:spPr>
        <a:xfrm>
          <a:off x="10528300" y="1317845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69824</xdr:rowOff>
    </xdr:from>
    <xdr:to>
      <xdr:col>55</xdr:col>
      <xdr:colOff>50800</xdr:colOff>
      <xdr:row>77</xdr:row>
      <xdr:rowOff>99974</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104267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5184</xdr:rowOff>
    </xdr:from>
    <xdr:to>
      <xdr:col>50</xdr:col>
      <xdr:colOff>114300</xdr:colOff>
      <xdr:row>77</xdr:row>
      <xdr:rowOff>35367</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8750300" y="13236834"/>
          <a:ext cx="889000" cy="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44678</xdr:rowOff>
    </xdr:from>
    <xdr:to>
      <xdr:col>50</xdr:col>
      <xdr:colOff>165100</xdr:colOff>
      <xdr:row>77</xdr:row>
      <xdr:rowOff>74828</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9588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91356</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9404428" y="129501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33584</xdr:rowOff>
    </xdr:from>
    <xdr:to>
      <xdr:col>45</xdr:col>
      <xdr:colOff>177800</xdr:colOff>
      <xdr:row>77</xdr:row>
      <xdr:rowOff>35184</xdr:rowOff>
    </xdr:to>
    <xdr:cxnSp macro="">
      <xdr:nvCxnSpPr>
        <xdr:cNvPr id="411" name="直線コネクタ 410">
          <a:extLst>
            <a:ext uri="{FF2B5EF4-FFF2-40B4-BE49-F238E27FC236}">
              <a16:creationId xmlns:a16="http://schemas.microsoft.com/office/drawing/2014/main" id="{00000000-0008-0000-0700-00009B010000}"/>
            </a:ext>
          </a:extLst>
        </xdr:cNvPr>
        <xdr:cNvCxnSpPr/>
      </xdr:nvCxnSpPr>
      <xdr:spPr>
        <a:xfrm>
          <a:off x="7861300" y="13235234"/>
          <a:ext cx="889000" cy="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59548</xdr:rowOff>
    </xdr:from>
    <xdr:to>
      <xdr:col>46</xdr:col>
      <xdr:colOff>38100</xdr:colOff>
      <xdr:row>77</xdr:row>
      <xdr:rowOff>161148</xdr:rowOff>
    </xdr:to>
    <xdr:sp macro="" textlink="">
      <xdr:nvSpPr>
        <xdr:cNvPr id="412" name="フローチャート: 判断 411">
          <a:extLst>
            <a:ext uri="{FF2B5EF4-FFF2-40B4-BE49-F238E27FC236}">
              <a16:creationId xmlns:a16="http://schemas.microsoft.com/office/drawing/2014/main" id="{00000000-0008-0000-0700-00009C010000}"/>
            </a:ext>
          </a:extLst>
        </xdr:cNvPr>
        <xdr:cNvSpPr/>
      </xdr:nvSpPr>
      <xdr:spPr>
        <a:xfrm>
          <a:off x="8699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52275</xdr:rowOff>
    </xdr:from>
    <xdr:ext cx="469744"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8515428" y="1335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20554</xdr:rowOff>
    </xdr:from>
    <xdr:to>
      <xdr:col>41</xdr:col>
      <xdr:colOff>50800</xdr:colOff>
      <xdr:row>77</xdr:row>
      <xdr:rowOff>33584</xdr:rowOff>
    </xdr:to>
    <xdr:cxnSp macro="">
      <xdr:nvCxnSpPr>
        <xdr:cNvPr id="414" name="直線コネクタ 413">
          <a:extLst>
            <a:ext uri="{FF2B5EF4-FFF2-40B4-BE49-F238E27FC236}">
              <a16:creationId xmlns:a16="http://schemas.microsoft.com/office/drawing/2014/main" id="{00000000-0008-0000-0700-00009E010000}"/>
            </a:ext>
          </a:extLst>
        </xdr:cNvPr>
        <xdr:cNvCxnSpPr/>
      </xdr:nvCxnSpPr>
      <xdr:spPr>
        <a:xfrm>
          <a:off x="6972300" y="13222204"/>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5479</xdr:rowOff>
    </xdr:from>
    <xdr:to>
      <xdr:col>41</xdr:col>
      <xdr:colOff>101600</xdr:colOff>
      <xdr:row>77</xdr:row>
      <xdr:rowOff>157079</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7810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48206</xdr:rowOff>
    </xdr:from>
    <xdr:ext cx="469744"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626428" y="1334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36230</xdr:rowOff>
    </xdr:from>
    <xdr:to>
      <xdr:col>36</xdr:col>
      <xdr:colOff>165100</xdr:colOff>
      <xdr:row>77</xdr:row>
      <xdr:rowOff>137830</xdr:rowOff>
    </xdr:to>
    <xdr:sp macro="" textlink="">
      <xdr:nvSpPr>
        <xdr:cNvPr id="417" name="フローチャート: 判断 416">
          <a:extLst>
            <a:ext uri="{FF2B5EF4-FFF2-40B4-BE49-F238E27FC236}">
              <a16:creationId xmlns:a16="http://schemas.microsoft.com/office/drawing/2014/main" id="{00000000-0008-0000-0700-0000A1010000}"/>
            </a:ext>
          </a:extLst>
        </xdr:cNvPr>
        <xdr:cNvSpPr/>
      </xdr:nvSpPr>
      <xdr:spPr>
        <a:xfrm>
          <a:off x="6921500" y="13237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28957</xdr:rowOff>
    </xdr:from>
    <xdr:ext cx="469744"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6737428" y="13330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0056</xdr:rowOff>
    </xdr:from>
    <xdr:to>
      <xdr:col>55</xdr:col>
      <xdr:colOff>50800</xdr:colOff>
      <xdr:row>77</xdr:row>
      <xdr:rowOff>30206</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10426700" y="13130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22933</xdr:rowOff>
    </xdr:from>
    <xdr:ext cx="469744" cy="259045"/>
    <xdr:sp macro="" textlink="">
      <xdr:nvSpPr>
        <xdr:cNvPr id="425" name="商工費該当値テキスト">
          <a:extLst>
            <a:ext uri="{FF2B5EF4-FFF2-40B4-BE49-F238E27FC236}">
              <a16:creationId xmlns:a16="http://schemas.microsoft.com/office/drawing/2014/main" id="{00000000-0008-0000-0700-0000A9010000}"/>
            </a:ext>
          </a:extLst>
        </xdr:cNvPr>
        <xdr:cNvSpPr txBox="1"/>
      </xdr:nvSpPr>
      <xdr:spPr>
        <a:xfrm>
          <a:off x="10528300" y="12981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56017</xdr:rowOff>
    </xdr:from>
    <xdr:to>
      <xdr:col>50</xdr:col>
      <xdr:colOff>165100</xdr:colOff>
      <xdr:row>77</xdr:row>
      <xdr:rowOff>86167</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9588500" y="13186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77294</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9404428" y="13278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55834</xdr:rowOff>
    </xdr:from>
    <xdr:to>
      <xdr:col>46</xdr:col>
      <xdr:colOff>38100</xdr:colOff>
      <xdr:row>77</xdr:row>
      <xdr:rowOff>8598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8699500" y="13186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5</xdr:row>
      <xdr:rowOff>102511</xdr:rowOff>
    </xdr:from>
    <xdr:ext cx="469744"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8515428" y="12961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54234</xdr:rowOff>
    </xdr:from>
    <xdr:to>
      <xdr:col>41</xdr:col>
      <xdr:colOff>101600</xdr:colOff>
      <xdr:row>77</xdr:row>
      <xdr:rowOff>84384</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7810500" y="131844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00911</xdr:rowOff>
    </xdr:from>
    <xdr:ext cx="469744"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7626428" y="12959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41204</xdr:rowOff>
    </xdr:from>
    <xdr:to>
      <xdr:col>36</xdr:col>
      <xdr:colOff>165100</xdr:colOff>
      <xdr:row>77</xdr:row>
      <xdr:rowOff>71354</xdr:rowOff>
    </xdr:to>
    <xdr:sp macro="" textlink="">
      <xdr:nvSpPr>
        <xdr:cNvPr id="432" name="楕円 431">
          <a:extLst>
            <a:ext uri="{FF2B5EF4-FFF2-40B4-BE49-F238E27FC236}">
              <a16:creationId xmlns:a16="http://schemas.microsoft.com/office/drawing/2014/main" id="{00000000-0008-0000-0700-0000B0010000}"/>
            </a:ext>
          </a:extLst>
        </xdr:cNvPr>
        <xdr:cNvSpPr/>
      </xdr:nvSpPr>
      <xdr:spPr>
        <a:xfrm>
          <a:off x="6921500" y="1317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87881</xdr:rowOff>
    </xdr:from>
    <xdr:ext cx="469744" cy="259045"/>
    <xdr:sp macro="" textlink="">
      <xdr:nvSpPr>
        <xdr:cNvPr id="433" name="テキスト ボックス 432">
          <a:extLst>
            <a:ext uri="{FF2B5EF4-FFF2-40B4-BE49-F238E27FC236}">
              <a16:creationId xmlns:a16="http://schemas.microsoft.com/office/drawing/2014/main" id="{00000000-0008-0000-0700-0000B1010000}"/>
            </a:ext>
          </a:extLst>
        </xdr:cNvPr>
        <xdr:cNvSpPr txBox="1"/>
      </xdr:nvSpPr>
      <xdr:spPr>
        <a:xfrm>
          <a:off x="6737428" y="12946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3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a:extLst>
            <a:ext uri="{FF2B5EF4-FFF2-40B4-BE49-F238E27FC236}">
              <a16:creationId xmlns:a16="http://schemas.microsoft.com/office/drawing/2014/main" id="{00000000-0008-0000-0700-0000C2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1" name="テキスト ボックス 450">
          <a:extLst>
            <a:ext uri="{FF2B5EF4-FFF2-40B4-BE49-F238E27FC236}">
              <a16:creationId xmlns:a16="http://schemas.microsoft.com/office/drawing/2014/main" id="{00000000-0008-0000-0700-0000C3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a:extLst>
            <a:ext uri="{FF2B5EF4-FFF2-40B4-BE49-F238E27FC236}">
              <a16:creationId xmlns:a16="http://schemas.microsoft.com/office/drawing/2014/main" id="{00000000-0008-0000-0700-0000C4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3" name="テキスト ボックス 452">
          <a:extLst>
            <a:ext uri="{FF2B5EF4-FFF2-40B4-BE49-F238E27FC236}">
              <a16:creationId xmlns:a16="http://schemas.microsoft.com/office/drawing/2014/main" id="{00000000-0008-0000-0700-0000C5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a:extLst>
            <a:ext uri="{FF2B5EF4-FFF2-40B4-BE49-F238E27FC236}">
              <a16:creationId xmlns:a16="http://schemas.microsoft.com/office/drawing/2014/main" id="{00000000-0008-0000-0700-0000C6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5" name="テキスト ボックス 454">
          <a:extLst>
            <a:ext uri="{FF2B5EF4-FFF2-40B4-BE49-F238E27FC236}">
              <a16:creationId xmlns:a16="http://schemas.microsoft.com/office/drawing/2014/main" id="{00000000-0008-0000-0700-0000C7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a:extLst>
            <a:ext uri="{FF2B5EF4-FFF2-40B4-BE49-F238E27FC236}">
              <a16:creationId xmlns:a16="http://schemas.microsoft.com/office/drawing/2014/main" id="{00000000-0008-0000-0700-0000C9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a:extLst>
            <a:ext uri="{FF2B5EF4-FFF2-40B4-BE49-F238E27FC236}">
              <a16:creationId xmlns:a16="http://schemas.microsoft.com/office/drawing/2014/main" id="{00000000-0008-0000-07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0474</xdr:rowOff>
    </xdr:from>
    <xdr:to>
      <xdr:col>54</xdr:col>
      <xdr:colOff>189865</xdr:colOff>
      <xdr:row>98</xdr:row>
      <xdr:rowOff>71163</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10475595" y="15490974"/>
          <a:ext cx="1270" cy="13822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4990</xdr:rowOff>
    </xdr:from>
    <xdr:ext cx="534377" cy="259045"/>
    <xdr:sp macro="" textlink="">
      <xdr:nvSpPr>
        <xdr:cNvPr id="460" name="土木費最小値テキスト">
          <a:extLst>
            <a:ext uri="{FF2B5EF4-FFF2-40B4-BE49-F238E27FC236}">
              <a16:creationId xmlns:a16="http://schemas.microsoft.com/office/drawing/2014/main" id="{00000000-0008-0000-0700-0000CC010000}"/>
            </a:ext>
          </a:extLst>
        </xdr:cNvPr>
        <xdr:cNvSpPr txBox="1"/>
      </xdr:nvSpPr>
      <xdr:spPr>
        <a:xfrm>
          <a:off x="10528300" y="168770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1163</xdr:rowOff>
    </xdr:from>
    <xdr:to>
      <xdr:col>55</xdr:col>
      <xdr:colOff>88900</xdr:colOff>
      <xdr:row>98</xdr:row>
      <xdr:rowOff>71163</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a:off x="10388600" y="168732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7151</xdr:rowOff>
    </xdr:from>
    <xdr:ext cx="599010" cy="259045"/>
    <xdr:sp macro="" textlink="">
      <xdr:nvSpPr>
        <xdr:cNvPr id="462" name="土木費最大値テキスト">
          <a:extLst>
            <a:ext uri="{FF2B5EF4-FFF2-40B4-BE49-F238E27FC236}">
              <a16:creationId xmlns:a16="http://schemas.microsoft.com/office/drawing/2014/main" id="{00000000-0008-0000-0700-0000CE010000}"/>
            </a:ext>
          </a:extLst>
        </xdr:cNvPr>
        <xdr:cNvSpPr txBox="1"/>
      </xdr:nvSpPr>
      <xdr:spPr>
        <a:xfrm>
          <a:off x="10528300" y="15266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5,2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0474</xdr:rowOff>
    </xdr:from>
    <xdr:to>
      <xdr:col>55</xdr:col>
      <xdr:colOff>88900</xdr:colOff>
      <xdr:row>90</xdr:row>
      <xdr:rowOff>60474</xdr:rowOff>
    </xdr:to>
    <xdr:cxnSp macro="">
      <xdr:nvCxnSpPr>
        <xdr:cNvPr id="463" name="直線コネクタ 462">
          <a:extLst>
            <a:ext uri="{FF2B5EF4-FFF2-40B4-BE49-F238E27FC236}">
              <a16:creationId xmlns:a16="http://schemas.microsoft.com/office/drawing/2014/main" id="{00000000-0008-0000-0700-0000CF010000}"/>
            </a:ext>
          </a:extLst>
        </xdr:cNvPr>
        <xdr:cNvCxnSpPr/>
      </xdr:nvCxnSpPr>
      <xdr:spPr>
        <a:xfrm>
          <a:off x="10388600" y="15490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55694</xdr:rowOff>
    </xdr:from>
    <xdr:to>
      <xdr:col>55</xdr:col>
      <xdr:colOff>0</xdr:colOff>
      <xdr:row>97</xdr:row>
      <xdr:rowOff>117004</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flipV="1">
          <a:off x="9639300" y="16686344"/>
          <a:ext cx="838200" cy="61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3029</xdr:rowOff>
    </xdr:from>
    <xdr:ext cx="534377" cy="259045"/>
    <xdr:sp macro="" textlink="">
      <xdr:nvSpPr>
        <xdr:cNvPr id="465" name="土木費平均値テキスト">
          <a:extLst>
            <a:ext uri="{FF2B5EF4-FFF2-40B4-BE49-F238E27FC236}">
              <a16:creationId xmlns:a16="http://schemas.microsoft.com/office/drawing/2014/main" id="{00000000-0008-0000-0700-0000D1010000}"/>
            </a:ext>
          </a:extLst>
        </xdr:cNvPr>
        <xdr:cNvSpPr txBox="1"/>
      </xdr:nvSpPr>
      <xdr:spPr>
        <a:xfrm>
          <a:off x="10528300" y="164622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51602</xdr:rowOff>
    </xdr:from>
    <xdr:to>
      <xdr:col>55</xdr:col>
      <xdr:colOff>50800</xdr:colOff>
      <xdr:row>97</xdr:row>
      <xdr:rowOff>81752</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10426700" y="16610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17004</xdr:rowOff>
    </xdr:from>
    <xdr:to>
      <xdr:col>50</xdr:col>
      <xdr:colOff>114300</xdr:colOff>
      <xdr:row>97</xdr:row>
      <xdr:rowOff>148126</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8750300" y="16747654"/>
          <a:ext cx="889000" cy="31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9994</xdr:rowOff>
    </xdr:from>
    <xdr:to>
      <xdr:col>50</xdr:col>
      <xdr:colOff>165100</xdr:colOff>
      <xdr:row>97</xdr:row>
      <xdr:rowOff>121594</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9588500" y="16650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38121</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9372111" y="16425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7544</xdr:rowOff>
    </xdr:from>
    <xdr:to>
      <xdr:col>45</xdr:col>
      <xdr:colOff>177800</xdr:colOff>
      <xdr:row>97</xdr:row>
      <xdr:rowOff>148126</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7861300" y="16738194"/>
          <a:ext cx="889000" cy="405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4267</xdr:rowOff>
    </xdr:from>
    <xdr:to>
      <xdr:col>46</xdr:col>
      <xdr:colOff>38100</xdr:colOff>
      <xdr:row>97</xdr:row>
      <xdr:rowOff>115867</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8699500" y="16644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32394</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483111" y="16420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44134</xdr:rowOff>
    </xdr:from>
    <xdr:to>
      <xdr:col>41</xdr:col>
      <xdr:colOff>50800</xdr:colOff>
      <xdr:row>97</xdr:row>
      <xdr:rowOff>107544</xdr:rowOff>
    </xdr:to>
    <xdr:cxnSp macro="">
      <xdr:nvCxnSpPr>
        <xdr:cNvPr id="473" name="直線コネクタ 472">
          <a:extLst>
            <a:ext uri="{FF2B5EF4-FFF2-40B4-BE49-F238E27FC236}">
              <a16:creationId xmlns:a16="http://schemas.microsoft.com/office/drawing/2014/main" id="{00000000-0008-0000-0700-0000D9010000}"/>
            </a:ext>
          </a:extLst>
        </xdr:cNvPr>
        <xdr:cNvCxnSpPr/>
      </xdr:nvCxnSpPr>
      <xdr:spPr>
        <a:xfrm>
          <a:off x="6972300" y="16674784"/>
          <a:ext cx="889000" cy="634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31431</xdr:rowOff>
    </xdr:from>
    <xdr:to>
      <xdr:col>41</xdr:col>
      <xdr:colOff>101600</xdr:colOff>
      <xdr:row>97</xdr:row>
      <xdr:rowOff>61581</xdr:rowOff>
    </xdr:to>
    <xdr:sp macro="" textlink="">
      <xdr:nvSpPr>
        <xdr:cNvPr id="474" name="フローチャート: 判断 473">
          <a:extLst>
            <a:ext uri="{FF2B5EF4-FFF2-40B4-BE49-F238E27FC236}">
              <a16:creationId xmlns:a16="http://schemas.microsoft.com/office/drawing/2014/main" id="{00000000-0008-0000-0700-0000DA010000}"/>
            </a:ext>
          </a:extLst>
        </xdr:cNvPr>
        <xdr:cNvSpPr/>
      </xdr:nvSpPr>
      <xdr:spPr>
        <a:xfrm>
          <a:off x="7810500" y="16590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78108</xdr:rowOff>
    </xdr:from>
    <xdr:ext cx="534377"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7594111" y="163658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70259</xdr:rowOff>
    </xdr:from>
    <xdr:to>
      <xdr:col>36</xdr:col>
      <xdr:colOff>165100</xdr:colOff>
      <xdr:row>97</xdr:row>
      <xdr:rowOff>100409</xdr:rowOff>
    </xdr:to>
    <xdr:sp macro="" textlink="">
      <xdr:nvSpPr>
        <xdr:cNvPr id="476" name="フローチャート: 判断 475">
          <a:extLst>
            <a:ext uri="{FF2B5EF4-FFF2-40B4-BE49-F238E27FC236}">
              <a16:creationId xmlns:a16="http://schemas.microsoft.com/office/drawing/2014/main" id="{00000000-0008-0000-0700-0000DC010000}"/>
            </a:ext>
          </a:extLst>
        </xdr:cNvPr>
        <xdr:cNvSpPr/>
      </xdr:nvSpPr>
      <xdr:spPr>
        <a:xfrm>
          <a:off x="6921500" y="16629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91536</xdr:rowOff>
    </xdr:from>
    <xdr:ext cx="534377"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6705111" y="16722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id="{00000000-0008-0000-07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94</xdr:rowOff>
    </xdr:from>
    <xdr:to>
      <xdr:col>55</xdr:col>
      <xdr:colOff>50800</xdr:colOff>
      <xdr:row>97</xdr:row>
      <xdr:rowOff>106494</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10426700" y="16635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154771</xdr:rowOff>
    </xdr:from>
    <xdr:ext cx="534377" cy="259045"/>
    <xdr:sp macro="" textlink="">
      <xdr:nvSpPr>
        <xdr:cNvPr id="484" name="土木費該当値テキスト">
          <a:extLst>
            <a:ext uri="{FF2B5EF4-FFF2-40B4-BE49-F238E27FC236}">
              <a16:creationId xmlns:a16="http://schemas.microsoft.com/office/drawing/2014/main" id="{00000000-0008-0000-0700-0000E4010000}"/>
            </a:ext>
          </a:extLst>
        </xdr:cNvPr>
        <xdr:cNvSpPr txBox="1"/>
      </xdr:nvSpPr>
      <xdr:spPr>
        <a:xfrm>
          <a:off x="10528300" y="16613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66204</xdr:rowOff>
    </xdr:from>
    <xdr:to>
      <xdr:col>50</xdr:col>
      <xdr:colOff>165100</xdr:colOff>
      <xdr:row>97</xdr:row>
      <xdr:rowOff>167804</xdr:rowOff>
    </xdr:to>
    <xdr:sp macro="" textlink="">
      <xdr:nvSpPr>
        <xdr:cNvPr id="485" name="楕円 484">
          <a:extLst>
            <a:ext uri="{FF2B5EF4-FFF2-40B4-BE49-F238E27FC236}">
              <a16:creationId xmlns:a16="http://schemas.microsoft.com/office/drawing/2014/main" id="{00000000-0008-0000-0700-0000E5010000}"/>
            </a:ext>
          </a:extLst>
        </xdr:cNvPr>
        <xdr:cNvSpPr/>
      </xdr:nvSpPr>
      <xdr:spPr>
        <a:xfrm>
          <a:off x="9588500" y="16696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58931</xdr:rowOff>
    </xdr:from>
    <xdr:ext cx="534377" cy="259045"/>
    <xdr:sp macro="" textlink="">
      <xdr:nvSpPr>
        <xdr:cNvPr id="486" name="テキスト ボックス 485">
          <a:extLst>
            <a:ext uri="{FF2B5EF4-FFF2-40B4-BE49-F238E27FC236}">
              <a16:creationId xmlns:a16="http://schemas.microsoft.com/office/drawing/2014/main" id="{00000000-0008-0000-0700-0000E6010000}"/>
            </a:ext>
          </a:extLst>
        </xdr:cNvPr>
        <xdr:cNvSpPr txBox="1"/>
      </xdr:nvSpPr>
      <xdr:spPr>
        <a:xfrm>
          <a:off x="9372111" y="167895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8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97326</xdr:rowOff>
    </xdr:from>
    <xdr:to>
      <xdr:col>46</xdr:col>
      <xdr:colOff>38100</xdr:colOff>
      <xdr:row>98</xdr:row>
      <xdr:rowOff>27476</xdr:rowOff>
    </xdr:to>
    <xdr:sp macro="" textlink="">
      <xdr:nvSpPr>
        <xdr:cNvPr id="487" name="楕円 486">
          <a:extLst>
            <a:ext uri="{FF2B5EF4-FFF2-40B4-BE49-F238E27FC236}">
              <a16:creationId xmlns:a16="http://schemas.microsoft.com/office/drawing/2014/main" id="{00000000-0008-0000-0700-0000E7010000}"/>
            </a:ext>
          </a:extLst>
        </xdr:cNvPr>
        <xdr:cNvSpPr/>
      </xdr:nvSpPr>
      <xdr:spPr>
        <a:xfrm>
          <a:off x="8699500" y="16727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8603</xdr:rowOff>
    </xdr:from>
    <xdr:ext cx="534377" cy="259045"/>
    <xdr:sp macro="" textlink="">
      <xdr:nvSpPr>
        <xdr:cNvPr id="488" name="テキスト ボックス 487">
          <a:extLst>
            <a:ext uri="{FF2B5EF4-FFF2-40B4-BE49-F238E27FC236}">
              <a16:creationId xmlns:a16="http://schemas.microsoft.com/office/drawing/2014/main" id="{00000000-0008-0000-0700-0000E8010000}"/>
            </a:ext>
          </a:extLst>
        </xdr:cNvPr>
        <xdr:cNvSpPr txBox="1"/>
      </xdr:nvSpPr>
      <xdr:spPr>
        <a:xfrm>
          <a:off x="8483111" y="16820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6744</xdr:rowOff>
    </xdr:from>
    <xdr:to>
      <xdr:col>41</xdr:col>
      <xdr:colOff>101600</xdr:colOff>
      <xdr:row>97</xdr:row>
      <xdr:rowOff>158344</xdr:rowOff>
    </xdr:to>
    <xdr:sp macro="" textlink="">
      <xdr:nvSpPr>
        <xdr:cNvPr id="489" name="楕円 488">
          <a:extLst>
            <a:ext uri="{FF2B5EF4-FFF2-40B4-BE49-F238E27FC236}">
              <a16:creationId xmlns:a16="http://schemas.microsoft.com/office/drawing/2014/main" id="{00000000-0008-0000-0700-0000E9010000}"/>
            </a:ext>
          </a:extLst>
        </xdr:cNvPr>
        <xdr:cNvSpPr/>
      </xdr:nvSpPr>
      <xdr:spPr>
        <a:xfrm>
          <a:off x="7810500" y="166873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49471</xdr:rowOff>
    </xdr:from>
    <xdr:ext cx="534377" cy="259045"/>
    <xdr:sp macro="" textlink="">
      <xdr:nvSpPr>
        <xdr:cNvPr id="490" name="テキスト ボックス 489">
          <a:extLst>
            <a:ext uri="{FF2B5EF4-FFF2-40B4-BE49-F238E27FC236}">
              <a16:creationId xmlns:a16="http://schemas.microsoft.com/office/drawing/2014/main" id="{00000000-0008-0000-0700-0000EA010000}"/>
            </a:ext>
          </a:extLst>
        </xdr:cNvPr>
        <xdr:cNvSpPr txBox="1"/>
      </xdr:nvSpPr>
      <xdr:spPr>
        <a:xfrm>
          <a:off x="7594111" y="16780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4784</xdr:rowOff>
    </xdr:from>
    <xdr:to>
      <xdr:col>36</xdr:col>
      <xdr:colOff>165100</xdr:colOff>
      <xdr:row>97</xdr:row>
      <xdr:rowOff>94934</xdr:rowOff>
    </xdr:to>
    <xdr:sp macro="" textlink="">
      <xdr:nvSpPr>
        <xdr:cNvPr id="491" name="楕円 490">
          <a:extLst>
            <a:ext uri="{FF2B5EF4-FFF2-40B4-BE49-F238E27FC236}">
              <a16:creationId xmlns:a16="http://schemas.microsoft.com/office/drawing/2014/main" id="{00000000-0008-0000-0700-0000EB010000}"/>
            </a:ext>
          </a:extLst>
        </xdr:cNvPr>
        <xdr:cNvSpPr/>
      </xdr:nvSpPr>
      <xdr:spPr>
        <a:xfrm>
          <a:off x="6921500" y="166239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11461</xdr:rowOff>
    </xdr:from>
    <xdr:ext cx="534377" cy="259045"/>
    <xdr:sp macro="" textlink="">
      <xdr:nvSpPr>
        <xdr:cNvPr id="492" name="テキスト ボックス 491">
          <a:extLst>
            <a:ext uri="{FF2B5EF4-FFF2-40B4-BE49-F238E27FC236}">
              <a16:creationId xmlns:a16="http://schemas.microsoft.com/office/drawing/2014/main" id="{00000000-0008-0000-0700-0000EC010000}"/>
            </a:ext>
          </a:extLst>
        </xdr:cNvPr>
        <xdr:cNvSpPr txBox="1"/>
      </xdr:nvSpPr>
      <xdr:spPr>
        <a:xfrm>
          <a:off x="6705111" y="16399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id="{00000000-0008-0000-07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id="{00000000-0008-0000-07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id="{00000000-0008-0000-07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a:extLst>
            <a:ext uri="{FF2B5EF4-FFF2-40B4-BE49-F238E27FC236}">
              <a16:creationId xmlns:a16="http://schemas.microsoft.com/office/drawing/2014/main" id="{00000000-0008-0000-0700-000004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消防費グラフ枠">
          <a:extLst>
            <a:ext uri="{FF2B5EF4-FFF2-40B4-BE49-F238E27FC236}">
              <a16:creationId xmlns:a16="http://schemas.microsoft.com/office/drawing/2014/main" id="{00000000-0008-0000-0700-000005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0089</xdr:rowOff>
    </xdr:from>
    <xdr:to>
      <xdr:col>85</xdr:col>
      <xdr:colOff>126364</xdr:colOff>
      <xdr:row>39</xdr:row>
      <xdr:rowOff>7265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6317595" y="5365039"/>
          <a:ext cx="1269" cy="13941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6482</xdr:rowOff>
    </xdr:from>
    <xdr:ext cx="378565" cy="259045"/>
    <xdr:sp macro="" textlink="">
      <xdr:nvSpPr>
        <xdr:cNvPr id="519" name="消防費最小値テキスト">
          <a:extLst>
            <a:ext uri="{FF2B5EF4-FFF2-40B4-BE49-F238E27FC236}">
              <a16:creationId xmlns:a16="http://schemas.microsoft.com/office/drawing/2014/main" id="{00000000-0008-0000-0700-000007020000}"/>
            </a:ext>
          </a:extLst>
        </xdr:cNvPr>
        <xdr:cNvSpPr txBox="1"/>
      </xdr:nvSpPr>
      <xdr:spPr>
        <a:xfrm>
          <a:off x="16370300" y="67630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2655</xdr:rowOff>
    </xdr:from>
    <xdr:to>
      <xdr:col>86</xdr:col>
      <xdr:colOff>25400</xdr:colOff>
      <xdr:row>39</xdr:row>
      <xdr:rowOff>72655</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67592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68216</xdr:rowOff>
    </xdr:from>
    <xdr:ext cx="534377" cy="259045"/>
    <xdr:sp macro="" textlink="">
      <xdr:nvSpPr>
        <xdr:cNvPr id="521" name="消防費最大値テキスト">
          <a:extLst>
            <a:ext uri="{FF2B5EF4-FFF2-40B4-BE49-F238E27FC236}">
              <a16:creationId xmlns:a16="http://schemas.microsoft.com/office/drawing/2014/main" id="{00000000-0008-0000-0700-000009020000}"/>
            </a:ext>
          </a:extLst>
        </xdr:cNvPr>
        <xdr:cNvSpPr txBox="1"/>
      </xdr:nvSpPr>
      <xdr:spPr>
        <a:xfrm>
          <a:off x="16370300" y="51402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3,49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0089</xdr:rowOff>
    </xdr:from>
    <xdr:to>
      <xdr:col>86</xdr:col>
      <xdr:colOff>25400</xdr:colOff>
      <xdr:row>31</xdr:row>
      <xdr:rowOff>50089</xdr:rowOff>
    </xdr:to>
    <xdr:cxnSp macro="">
      <xdr:nvCxnSpPr>
        <xdr:cNvPr id="522" name="直線コネクタ 521">
          <a:extLst>
            <a:ext uri="{FF2B5EF4-FFF2-40B4-BE49-F238E27FC236}">
              <a16:creationId xmlns:a16="http://schemas.microsoft.com/office/drawing/2014/main" id="{00000000-0008-0000-0700-00000A020000}"/>
            </a:ext>
          </a:extLst>
        </xdr:cNvPr>
        <xdr:cNvCxnSpPr/>
      </xdr:nvCxnSpPr>
      <xdr:spPr>
        <a:xfrm>
          <a:off x="16230600" y="53650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36696</xdr:rowOff>
    </xdr:from>
    <xdr:to>
      <xdr:col>85</xdr:col>
      <xdr:colOff>127000</xdr:colOff>
      <xdr:row>38</xdr:row>
      <xdr:rowOff>148060</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a:off x="15481300" y="6651796"/>
          <a:ext cx="838200" cy="113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4091</xdr:rowOff>
    </xdr:from>
    <xdr:ext cx="469744" cy="259045"/>
    <xdr:sp macro="" textlink="">
      <xdr:nvSpPr>
        <xdr:cNvPr id="524" name="消防費平均値テキスト">
          <a:extLst>
            <a:ext uri="{FF2B5EF4-FFF2-40B4-BE49-F238E27FC236}">
              <a16:creationId xmlns:a16="http://schemas.microsoft.com/office/drawing/2014/main" id="{00000000-0008-0000-0700-00000C020000}"/>
            </a:ext>
          </a:extLst>
        </xdr:cNvPr>
        <xdr:cNvSpPr txBox="1"/>
      </xdr:nvSpPr>
      <xdr:spPr>
        <a:xfrm>
          <a:off x="16370300" y="64177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1214</xdr:rowOff>
    </xdr:from>
    <xdr:to>
      <xdr:col>85</xdr:col>
      <xdr:colOff>177800</xdr:colOff>
      <xdr:row>38</xdr:row>
      <xdr:rowOff>152814</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6268700" y="656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117330</xdr:rowOff>
    </xdr:from>
    <xdr:to>
      <xdr:col>81</xdr:col>
      <xdr:colOff>50800</xdr:colOff>
      <xdr:row>38</xdr:row>
      <xdr:rowOff>136696</xdr:rowOff>
    </xdr:to>
    <xdr:cxnSp macro="">
      <xdr:nvCxnSpPr>
        <xdr:cNvPr id="526" name="直線コネクタ 525">
          <a:extLst>
            <a:ext uri="{FF2B5EF4-FFF2-40B4-BE49-F238E27FC236}">
              <a16:creationId xmlns:a16="http://schemas.microsoft.com/office/drawing/2014/main" id="{00000000-0008-0000-0700-00000E020000}"/>
            </a:ext>
          </a:extLst>
        </xdr:cNvPr>
        <xdr:cNvCxnSpPr/>
      </xdr:nvCxnSpPr>
      <xdr:spPr>
        <a:xfrm>
          <a:off x="14592300" y="6632430"/>
          <a:ext cx="889000" cy="19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7598</xdr:rowOff>
    </xdr:from>
    <xdr:to>
      <xdr:col>81</xdr:col>
      <xdr:colOff>101600</xdr:colOff>
      <xdr:row>39</xdr:row>
      <xdr:rowOff>57748</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5430500" y="66426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48875</xdr:rowOff>
    </xdr:from>
    <xdr:ext cx="469744"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5246428" y="6735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17330</xdr:rowOff>
    </xdr:from>
    <xdr:to>
      <xdr:col>76</xdr:col>
      <xdr:colOff>114300</xdr:colOff>
      <xdr:row>38</xdr:row>
      <xdr:rowOff>138067</xdr:rowOff>
    </xdr:to>
    <xdr:cxnSp macro="">
      <xdr:nvCxnSpPr>
        <xdr:cNvPr id="529" name="直線コネクタ 528">
          <a:extLst>
            <a:ext uri="{FF2B5EF4-FFF2-40B4-BE49-F238E27FC236}">
              <a16:creationId xmlns:a16="http://schemas.microsoft.com/office/drawing/2014/main" id="{00000000-0008-0000-0700-000011020000}"/>
            </a:ext>
          </a:extLst>
        </xdr:cNvPr>
        <xdr:cNvCxnSpPr/>
      </xdr:nvCxnSpPr>
      <xdr:spPr>
        <a:xfrm flipV="1">
          <a:off x="13703300" y="6632430"/>
          <a:ext cx="889000" cy="207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28154</xdr:rowOff>
    </xdr:from>
    <xdr:to>
      <xdr:col>76</xdr:col>
      <xdr:colOff>165100</xdr:colOff>
      <xdr:row>39</xdr:row>
      <xdr:rowOff>58304</xdr:rowOff>
    </xdr:to>
    <xdr:sp macro="" textlink="">
      <xdr:nvSpPr>
        <xdr:cNvPr id="530" name="フローチャート: 判断 529">
          <a:extLst>
            <a:ext uri="{FF2B5EF4-FFF2-40B4-BE49-F238E27FC236}">
              <a16:creationId xmlns:a16="http://schemas.microsoft.com/office/drawing/2014/main" id="{00000000-0008-0000-0700-000012020000}"/>
            </a:ext>
          </a:extLst>
        </xdr:cNvPr>
        <xdr:cNvSpPr/>
      </xdr:nvSpPr>
      <xdr:spPr>
        <a:xfrm>
          <a:off x="14541500" y="6643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49431</xdr:rowOff>
    </xdr:from>
    <xdr:ext cx="469744"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357428" y="67359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38067</xdr:rowOff>
    </xdr:from>
    <xdr:to>
      <xdr:col>71</xdr:col>
      <xdr:colOff>177800</xdr:colOff>
      <xdr:row>38</xdr:row>
      <xdr:rowOff>156878</xdr:rowOff>
    </xdr:to>
    <xdr:cxnSp macro="">
      <xdr:nvCxnSpPr>
        <xdr:cNvPr id="532" name="直線コネクタ 531">
          <a:extLst>
            <a:ext uri="{FF2B5EF4-FFF2-40B4-BE49-F238E27FC236}">
              <a16:creationId xmlns:a16="http://schemas.microsoft.com/office/drawing/2014/main" id="{00000000-0008-0000-0700-000014020000}"/>
            </a:ext>
          </a:extLst>
        </xdr:cNvPr>
        <xdr:cNvCxnSpPr/>
      </xdr:nvCxnSpPr>
      <xdr:spPr>
        <a:xfrm flipV="1">
          <a:off x="12814300" y="6653167"/>
          <a:ext cx="889000" cy="18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91480</xdr:rowOff>
    </xdr:from>
    <xdr:to>
      <xdr:col>72</xdr:col>
      <xdr:colOff>38100</xdr:colOff>
      <xdr:row>39</xdr:row>
      <xdr:rowOff>21630</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3652500" y="6606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12757</xdr:rowOff>
    </xdr:from>
    <xdr:ext cx="469744"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3468428" y="6699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27207</xdr:rowOff>
    </xdr:from>
    <xdr:to>
      <xdr:col>67</xdr:col>
      <xdr:colOff>101600</xdr:colOff>
      <xdr:row>39</xdr:row>
      <xdr:rowOff>57357</xdr:rowOff>
    </xdr:to>
    <xdr:sp macro="" textlink="">
      <xdr:nvSpPr>
        <xdr:cNvPr id="535" name="フローチャート: 判断 534">
          <a:extLst>
            <a:ext uri="{FF2B5EF4-FFF2-40B4-BE49-F238E27FC236}">
              <a16:creationId xmlns:a16="http://schemas.microsoft.com/office/drawing/2014/main" id="{00000000-0008-0000-0700-000017020000}"/>
            </a:ext>
          </a:extLst>
        </xdr:cNvPr>
        <xdr:cNvSpPr/>
      </xdr:nvSpPr>
      <xdr:spPr>
        <a:xfrm>
          <a:off x="12763500" y="6642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9</xdr:row>
      <xdr:rowOff>48484</xdr:rowOff>
    </xdr:from>
    <xdr:ext cx="469744"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2579428" y="6735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97260</xdr:rowOff>
    </xdr:from>
    <xdr:to>
      <xdr:col>85</xdr:col>
      <xdr:colOff>177800</xdr:colOff>
      <xdr:row>39</xdr:row>
      <xdr:rowOff>27410</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6268700" y="6612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29640</xdr:rowOff>
    </xdr:from>
    <xdr:ext cx="469744" cy="259045"/>
    <xdr:sp macro="" textlink="">
      <xdr:nvSpPr>
        <xdr:cNvPr id="543" name="消防費該当値テキスト">
          <a:extLst>
            <a:ext uri="{FF2B5EF4-FFF2-40B4-BE49-F238E27FC236}">
              <a16:creationId xmlns:a16="http://schemas.microsoft.com/office/drawing/2014/main" id="{00000000-0008-0000-0700-00001F020000}"/>
            </a:ext>
          </a:extLst>
        </xdr:cNvPr>
        <xdr:cNvSpPr txBox="1"/>
      </xdr:nvSpPr>
      <xdr:spPr>
        <a:xfrm>
          <a:off x="16370300" y="65447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85896</xdr:rowOff>
    </xdr:from>
    <xdr:to>
      <xdr:col>81</xdr:col>
      <xdr:colOff>101600</xdr:colOff>
      <xdr:row>39</xdr:row>
      <xdr:rowOff>16046</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5430500" y="6600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7</xdr:row>
      <xdr:rowOff>32573</xdr:rowOff>
    </xdr:from>
    <xdr:ext cx="469744"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5246428" y="6376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66530</xdr:rowOff>
    </xdr:from>
    <xdr:to>
      <xdr:col>76</xdr:col>
      <xdr:colOff>165100</xdr:colOff>
      <xdr:row>38</xdr:row>
      <xdr:rowOff>168130</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4541500" y="6581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13207</xdr:rowOff>
    </xdr:from>
    <xdr:ext cx="469744"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4357428" y="6356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87267</xdr:rowOff>
    </xdr:from>
    <xdr:to>
      <xdr:col>72</xdr:col>
      <xdr:colOff>38100</xdr:colOff>
      <xdr:row>39</xdr:row>
      <xdr:rowOff>17417</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3652500" y="6602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33944</xdr:rowOff>
    </xdr:from>
    <xdr:ext cx="469744"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3468428" y="63775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6078</xdr:rowOff>
    </xdr:from>
    <xdr:to>
      <xdr:col>67</xdr:col>
      <xdr:colOff>101600</xdr:colOff>
      <xdr:row>39</xdr:row>
      <xdr:rowOff>36228</xdr:rowOff>
    </xdr:to>
    <xdr:sp macro="" textlink="">
      <xdr:nvSpPr>
        <xdr:cNvPr id="550" name="楕円 549">
          <a:extLst>
            <a:ext uri="{FF2B5EF4-FFF2-40B4-BE49-F238E27FC236}">
              <a16:creationId xmlns:a16="http://schemas.microsoft.com/office/drawing/2014/main" id="{00000000-0008-0000-0700-000026020000}"/>
            </a:ext>
          </a:extLst>
        </xdr:cNvPr>
        <xdr:cNvSpPr/>
      </xdr:nvSpPr>
      <xdr:spPr>
        <a:xfrm>
          <a:off x="12763500" y="6621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52755</xdr:rowOff>
    </xdr:from>
    <xdr:ext cx="469744" cy="259045"/>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579428" y="63964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3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a:extLst>
            <a:ext uri="{FF2B5EF4-FFF2-40B4-BE49-F238E27FC236}">
              <a16:creationId xmlns:a16="http://schemas.microsoft.com/office/drawing/2014/main" id="{00000000-0008-0000-0700-00002E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a:extLst>
            <a:ext uri="{FF2B5EF4-FFF2-40B4-BE49-F238E27FC236}">
              <a16:creationId xmlns:a16="http://schemas.microsoft.com/office/drawing/2014/main" id="{00000000-0008-0000-0700-00002F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0</xdr:row>
      <xdr:rowOff>1117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74" name="テキスト ボックス 573">
          <a:extLst>
            <a:ext uri="{FF2B5EF4-FFF2-40B4-BE49-F238E27FC236}">
              <a16:creationId xmlns:a16="http://schemas.microsoft.com/office/drawing/2014/main" id="{00000000-0008-0000-0700-00003E020000}"/>
            </a:ext>
          </a:extLst>
        </xdr:cNvPr>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6" name="テキスト ボックス 575">
          <a:extLst>
            <a:ext uri="{FF2B5EF4-FFF2-40B4-BE49-F238E27FC236}">
              <a16:creationId xmlns:a16="http://schemas.microsoft.com/office/drawing/2014/main" id="{00000000-0008-0000-0700-000040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7" name="教育費グラフ枠">
          <a:extLst>
            <a:ext uri="{FF2B5EF4-FFF2-40B4-BE49-F238E27FC236}">
              <a16:creationId xmlns:a16="http://schemas.microsoft.com/office/drawing/2014/main" id="{00000000-0008-0000-0700-000041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62837</xdr:rowOff>
    </xdr:from>
    <xdr:to>
      <xdr:col>85</xdr:col>
      <xdr:colOff>126364</xdr:colOff>
      <xdr:row>59</xdr:row>
      <xdr:rowOff>133299</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6317595" y="8735337"/>
          <a:ext cx="1269" cy="15135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37126</xdr:rowOff>
    </xdr:from>
    <xdr:ext cx="534377" cy="259045"/>
    <xdr:sp macro="" textlink="">
      <xdr:nvSpPr>
        <xdr:cNvPr id="579" name="教育費最小値テキスト">
          <a:extLst>
            <a:ext uri="{FF2B5EF4-FFF2-40B4-BE49-F238E27FC236}">
              <a16:creationId xmlns:a16="http://schemas.microsoft.com/office/drawing/2014/main" id="{00000000-0008-0000-0700-000043020000}"/>
            </a:ext>
          </a:extLst>
        </xdr:cNvPr>
        <xdr:cNvSpPr txBox="1"/>
      </xdr:nvSpPr>
      <xdr:spPr>
        <a:xfrm>
          <a:off x="16370300" y="10252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133299</xdr:rowOff>
    </xdr:from>
    <xdr:to>
      <xdr:col>86</xdr:col>
      <xdr:colOff>25400</xdr:colOff>
      <xdr:row>59</xdr:row>
      <xdr:rowOff>133299</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6230600" y="10248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09514</xdr:rowOff>
    </xdr:from>
    <xdr:ext cx="599010" cy="259045"/>
    <xdr:sp macro="" textlink="">
      <xdr:nvSpPr>
        <xdr:cNvPr id="581" name="教育費最大値テキスト">
          <a:extLst>
            <a:ext uri="{FF2B5EF4-FFF2-40B4-BE49-F238E27FC236}">
              <a16:creationId xmlns:a16="http://schemas.microsoft.com/office/drawing/2014/main" id="{00000000-0008-0000-0700-000045020000}"/>
            </a:ext>
          </a:extLst>
        </xdr:cNvPr>
        <xdr:cNvSpPr txBox="1"/>
      </xdr:nvSpPr>
      <xdr:spPr>
        <a:xfrm>
          <a:off x="16370300" y="85105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0,58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62837</xdr:rowOff>
    </xdr:from>
    <xdr:to>
      <xdr:col>86</xdr:col>
      <xdr:colOff>25400</xdr:colOff>
      <xdr:row>50</xdr:row>
      <xdr:rowOff>162837</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6230600" y="87353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9</xdr:row>
      <xdr:rowOff>133299</xdr:rowOff>
    </xdr:from>
    <xdr:to>
      <xdr:col>85</xdr:col>
      <xdr:colOff>127000</xdr:colOff>
      <xdr:row>59</xdr:row>
      <xdr:rowOff>135226</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5481300" y="10248849"/>
          <a:ext cx="838200" cy="1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16300</xdr:rowOff>
    </xdr:from>
    <xdr:ext cx="534377" cy="259045"/>
    <xdr:sp macro="" textlink="">
      <xdr:nvSpPr>
        <xdr:cNvPr id="584" name="教育費平均値テキスト">
          <a:extLst>
            <a:ext uri="{FF2B5EF4-FFF2-40B4-BE49-F238E27FC236}">
              <a16:creationId xmlns:a16="http://schemas.microsoft.com/office/drawing/2014/main" id="{00000000-0008-0000-0700-000048020000}"/>
            </a:ext>
          </a:extLst>
        </xdr:cNvPr>
        <xdr:cNvSpPr txBox="1"/>
      </xdr:nvSpPr>
      <xdr:spPr>
        <a:xfrm>
          <a:off x="16370300" y="9717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93423</xdr:rowOff>
    </xdr:from>
    <xdr:to>
      <xdr:col>85</xdr:col>
      <xdr:colOff>177800</xdr:colOff>
      <xdr:row>58</xdr:row>
      <xdr:rowOff>23573</xdr:rowOff>
    </xdr:to>
    <xdr:sp macro="" textlink="">
      <xdr:nvSpPr>
        <xdr:cNvPr id="585" name="フローチャート: 判断 584">
          <a:extLst>
            <a:ext uri="{FF2B5EF4-FFF2-40B4-BE49-F238E27FC236}">
              <a16:creationId xmlns:a16="http://schemas.microsoft.com/office/drawing/2014/main" id="{00000000-0008-0000-0700-000049020000}"/>
            </a:ext>
          </a:extLst>
        </xdr:cNvPr>
        <xdr:cNvSpPr/>
      </xdr:nvSpPr>
      <xdr:spPr>
        <a:xfrm>
          <a:off x="16268700" y="9866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119567</xdr:rowOff>
    </xdr:from>
    <xdr:to>
      <xdr:col>81</xdr:col>
      <xdr:colOff>50800</xdr:colOff>
      <xdr:row>59</xdr:row>
      <xdr:rowOff>135226</xdr:rowOff>
    </xdr:to>
    <xdr:cxnSp macro="">
      <xdr:nvCxnSpPr>
        <xdr:cNvPr id="586" name="直線コネクタ 585">
          <a:extLst>
            <a:ext uri="{FF2B5EF4-FFF2-40B4-BE49-F238E27FC236}">
              <a16:creationId xmlns:a16="http://schemas.microsoft.com/office/drawing/2014/main" id="{00000000-0008-0000-0700-00004A020000}"/>
            </a:ext>
          </a:extLst>
        </xdr:cNvPr>
        <xdr:cNvCxnSpPr/>
      </xdr:nvCxnSpPr>
      <xdr:spPr>
        <a:xfrm>
          <a:off x="14592300" y="10235117"/>
          <a:ext cx="889000" cy="15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13622</xdr:rowOff>
    </xdr:from>
    <xdr:to>
      <xdr:col>81</xdr:col>
      <xdr:colOff>101600</xdr:colOff>
      <xdr:row>58</xdr:row>
      <xdr:rowOff>43772</xdr:rowOff>
    </xdr:to>
    <xdr:sp macro="" textlink="">
      <xdr:nvSpPr>
        <xdr:cNvPr id="587" name="フローチャート: 判断 586">
          <a:extLst>
            <a:ext uri="{FF2B5EF4-FFF2-40B4-BE49-F238E27FC236}">
              <a16:creationId xmlns:a16="http://schemas.microsoft.com/office/drawing/2014/main" id="{00000000-0008-0000-0700-00004B020000}"/>
            </a:ext>
          </a:extLst>
        </xdr:cNvPr>
        <xdr:cNvSpPr/>
      </xdr:nvSpPr>
      <xdr:spPr>
        <a:xfrm>
          <a:off x="15430500" y="9886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6</xdr:row>
      <xdr:rowOff>60299</xdr:rowOff>
    </xdr:from>
    <xdr:ext cx="534377"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5214111" y="9661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9</xdr:row>
      <xdr:rowOff>25759</xdr:rowOff>
    </xdr:from>
    <xdr:to>
      <xdr:col>76</xdr:col>
      <xdr:colOff>114300</xdr:colOff>
      <xdr:row>59</xdr:row>
      <xdr:rowOff>119567</xdr:rowOff>
    </xdr:to>
    <xdr:cxnSp macro="">
      <xdr:nvCxnSpPr>
        <xdr:cNvPr id="589" name="直線コネクタ 588">
          <a:extLst>
            <a:ext uri="{FF2B5EF4-FFF2-40B4-BE49-F238E27FC236}">
              <a16:creationId xmlns:a16="http://schemas.microsoft.com/office/drawing/2014/main" id="{00000000-0008-0000-0700-00004D020000}"/>
            </a:ext>
          </a:extLst>
        </xdr:cNvPr>
        <xdr:cNvCxnSpPr/>
      </xdr:nvCxnSpPr>
      <xdr:spPr>
        <a:xfrm>
          <a:off x="13703300" y="10141309"/>
          <a:ext cx="889000" cy="93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0183</xdr:rowOff>
    </xdr:from>
    <xdr:to>
      <xdr:col>76</xdr:col>
      <xdr:colOff>165100</xdr:colOff>
      <xdr:row>58</xdr:row>
      <xdr:rowOff>100333</xdr:rowOff>
    </xdr:to>
    <xdr:sp macro="" textlink="">
      <xdr:nvSpPr>
        <xdr:cNvPr id="590" name="フローチャート: 判断 589">
          <a:extLst>
            <a:ext uri="{FF2B5EF4-FFF2-40B4-BE49-F238E27FC236}">
              <a16:creationId xmlns:a16="http://schemas.microsoft.com/office/drawing/2014/main" id="{00000000-0008-0000-0700-00004E020000}"/>
            </a:ext>
          </a:extLst>
        </xdr:cNvPr>
        <xdr:cNvSpPr/>
      </xdr:nvSpPr>
      <xdr:spPr>
        <a:xfrm>
          <a:off x="14541500" y="9942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16860</xdr:rowOff>
    </xdr:from>
    <xdr:ext cx="534377"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4325111" y="9718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9</xdr:row>
      <xdr:rowOff>25759</xdr:rowOff>
    </xdr:from>
    <xdr:to>
      <xdr:col>71</xdr:col>
      <xdr:colOff>177800</xdr:colOff>
      <xdr:row>59</xdr:row>
      <xdr:rowOff>115893</xdr:rowOff>
    </xdr:to>
    <xdr:cxnSp macro="">
      <xdr:nvCxnSpPr>
        <xdr:cNvPr id="592" name="直線コネクタ 591">
          <a:extLst>
            <a:ext uri="{FF2B5EF4-FFF2-40B4-BE49-F238E27FC236}">
              <a16:creationId xmlns:a16="http://schemas.microsoft.com/office/drawing/2014/main" id="{00000000-0008-0000-0700-000050020000}"/>
            </a:ext>
          </a:extLst>
        </xdr:cNvPr>
        <xdr:cNvCxnSpPr/>
      </xdr:nvCxnSpPr>
      <xdr:spPr>
        <a:xfrm flipV="1">
          <a:off x="12814300" y="10141309"/>
          <a:ext cx="889000" cy="901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000</xdr:rowOff>
    </xdr:from>
    <xdr:to>
      <xdr:col>72</xdr:col>
      <xdr:colOff>38100</xdr:colOff>
      <xdr:row>58</xdr:row>
      <xdr:rowOff>107600</xdr:rowOff>
    </xdr:to>
    <xdr:sp macro="" textlink="">
      <xdr:nvSpPr>
        <xdr:cNvPr id="593" name="フローチャート: 判断 592">
          <a:extLst>
            <a:ext uri="{FF2B5EF4-FFF2-40B4-BE49-F238E27FC236}">
              <a16:creationId xmlns:a16="http://schemas.microsoft.com/office/drawing/2014/main" id="{00000000-0008-0000-0700-000051020000}"/>
            </a:ext>
          </a:extLst>
        </xdr:cNvPr>
        <xdr:cNvSpPr/>
      </xdr:nvSpPr>
      <xdr:spPr>
        <a:xfrm>
          <a:off x="13652500" y="9950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6</xdr:row>
      <xdr:rowOff>124127</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3436111" y="9725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6217</xdr:rowOff>
    </xdr:from>
    <xdr:to>
      <xdr:col>67</xdr:col>
      <xdr:colOff>101600</xdr:colOff>
      <xdr:row>58</xdr:row>
      <xdr:rowOff>147817</xdr:rowOff>
    </xdr:to>
    <xdr:sp macro="" textlink="">
      <xdr:nvSpPr>
        <xdr:cNvPr id="595" name="フローチャート: 判断 594">
          <a:extLst>
            <a:ext uri="{FF2B5EF4-FFF2-40B4-BE49-F238E27FC236}">
              <a16:creationId xmlns:a16="http://schemas.microsoft.com/office/drawing/2014/main" id="{00000000-0008-0000-0700-000053020000}"/>
            </a:ext>
          </a:extLst>
        </xdr:cNvPr>
        <xdr:cNvSpPr/>
      </xdr:nvSpPr>
      <xdr:spPr>
        <a:xfrm>
          <a:off x="12763500" y="9990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6</xdr:row>
      <xdr:rowOff>164344</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2547111" y="9765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9" name="テキスト ボックス 598">
          <a:extLst>
            <a:ext uri="{FF2B5EF4-FFF2-40B4-BE49-F238E27FC236}">
              <a16:creationId xmlns:a16="http://schemas.microsoft.com/office/drawing/2014/main" id="{00000000-0008-0000-0700-000057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82499</xdr:rowOff>
    </xdr:from>
    <xdr:to>
      <xdr:col>85</xdr:col>
      <xdr:colOff>177800</xdr:colOff>
      <xdr:row>60</xdr:row>
      <xdr:rowOff>12649</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6268700" y="10198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8</xdr:row>
      <xdr:rowOff>168876</xdr:rowOff>
    </xdr:from>
    <xdr:ext cx="534377" cy="259045"/>
    <xdr:sp macro="" textlink="">
      <xdr:nvSpPr>
        <xdr:cNvPr id="603" name="教育費該当値テキスト">
          <a:extLst>
            <a:ext uri="{FF2B5EF4-FFF2-40B4-BE49-F238E27FC236}">
              <a16:creationId xmlns:a16="http://schemas.microsoft.com/office/drawing/2014/main" id="{00000000-0008-0000-0700-00005B020000}"/>
            </a:ext>
          </a:extLst>
        </xdr:cNvPr>
        <xdr:cNvSpPr txBox="1"/>
      </xdr:nvSpPr>
      <xdr:spPr>
        <a:xfrm>
          <a:off x="16370300" y="10112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84426</xdr:rowOff>
    </xdr:from>
    <xdr:to>
      <xdr:col>81</xdr:col>
      <xdr:colOff>101600</xdr:colOff>
      <xdr:row>60</xdr:row>
      <xdr:rowOff>14576</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5430500" y="1019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60</xdr:row>
      <xdr:rowOff>5703</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5214111" y="102927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9</xdr:row>
      <xdr:rowOff>68767</xdr:rowOff>
    </xdr:from>
    <xdr:to>
      <xdr:col>76</xdr:col>
      <xdr:colOff>165100</xdr:colOff>
      <xdr:row>59</xdr:row>
      <xdr:rowOff>170367</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4541500" y="101843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9</xdr:row>
      <xdr:rowOff>161494</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4325111" y="10277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46409</xdr:rowOff>
    </xdr:from>
    <xdr:to>
      <xdr:col>72</xdr:col>
      <xdr:colOff>38100</xdr:colOff>
      <xdr:row>59</xdr:row>
      <xdr:rowOff>76559</xdr:rowOff>
    </xdr:to>
    <xdr:sp macro="" textlink="">
      <xdr:nvSpPr>
        <xdr:cNvPr id="608" name="楕円 607">
          <a:extLst>
            <a:ext uri="{FF2B5EF4-FFF2-40B4-BE49-F238E27FC236}">
              <a16:creationId xmlns:a16="http://schemas.microsoft.com/office/drawing/2014/main" id="{00000000-0008-0000-0700-000060020000}"/>
            </a:ext>
          </a:extLst>
        </xdr:cNvPr>
        <xdr:cNvSpPr/>
      </xdr:nvSpPr>
      <xdr:spPr>
        <a:xfrm>
          <a:off x="13652500" y="10090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9</xdr:row>
      <xdr:rowOff>67686</xdr:rowOff>
    </xdr:from>
    <xdr:ext cx="534377" cy="259045"/>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3436111" y="10183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9</xdr:row>
      <xdr:rowOff>65093</xdr:rowOff>
    </xdr:from>
    <xdr:to>
      <xdr:col>67</xdr:col>
      <xdr:colOff>101600</xdr:colOff>
      <xdr:row>59</xdr:row>
      <xdr:rowOff>166693</xdr:rowOff>
    </xdr:to>
    <xdr:sp macro="" textlink="">
      <xdr:nvSpPr>
        <xdr:cNvPr id="610" name="楕円 609">
          <a:extLst>
            <a:ext uri="{FF2B5EF4-FFF2-40B4-BE49-F238E27FC236}">
              <a16:creationId xmlns:a16="http://schemas.microsoft.com/office/drawing/2014/main" id="{00000000-0008-0000-0700-000062020000}"/>
            </a:ext>
          </a:extLst>
        </xdr:cNvPr>
        <xdr:cNvSpPr/>
      </xdr:nvSpPr>
      <xdr:spPr>
        <a:xfrm>
          <a:off x="12763500" y="10180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9</xdr:row>
      <xdr:rowOff>157820</xdr:rowOff>
    </xdr:from>
    <xdr:ext cx="534377" cy="259045"/>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547111" y="10273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6" name="正方形/長方形 615">
          <a:extLst>
            <a:ext uri="{FF2B5EF4-FFF2-40B4-BE49-F238E27FC236}">
              <a16:creationId xmlns:a16="http://schemas.microsoft.com/office/drawing/2014/main" id="{00000000-0008-0000-0700-000068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7" name="正方形/長方形 616">
          <a:extLst>
            <a:ext uri="{FF2B5EF4-FFF2-40B4-BE49-F238E27FC236}">
              <a16:creationId xmlns:a16="http://schemas.microsoft.com/office/drawing/2014/main" id="{00000000-0008-0000-0700-000069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8" name="正方形/長方形 617">
          <a:extLst>
            <a:ext uri="{FF2B5EF4-FFF2-40B4-BE49-F238E27FC236}">
              <a16:creationId xmlns:a16="http://schemas.microsoft.com/office/drawing/2014/main" id="{00000000-0008-0000-0700-00006A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9" name="正方形/長方形 618">
          <a:extLst>
            <a:ext uri="{FF2B5EF4-FFF2-40B4-BE49-F238E27FC236}">
              <a16:creationId xmlns:a16="http://schemas.microsoft.com/office/drawing/2014/main" id="{00000000-0008-0000-0700-00006B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69</xdr:row>
      <xdr:rowOff>38299</xdr:rowOff>
    </xdr:from>
    <xdr:ext cx="377026" cy="259045"/>
    <xdr:sp macro="" textlink="">
      <xdr:nvSpPr>
        <xdr:cNvPr id="633" name="テキスト ボックス 632">
          <a:extLst>
            <a:ext uri="{FF2B5EF4-FFF2-40B4-BE49-F238E27FC236}">
              <a16:creationId xmlns:a16="http://schemas.microsoft.com/office/drawing/2014/main" id="{00000000-0008-0000-0700-000079020000}"/>
            </a:ext>
          </a:extLst>
        </xdr:cNvPr>
        <xdr:cNvSpPr txBox="1"/>
      </xdr:nvSpPr>
      <xdr:spPr>
        <a:xfrm>
          <a:off x="12068974" y="11868349"/>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4" name="直線コネクタ 633">
          <a:extLst>
            <a:ext uri="{FF2B5EF4-FFF2-40B4-BE49-F238E27FC236}">
              <a16:creationId xmlns:a16="http://schemas.microsoft.com/office/drawing/2014/main" id="{00000000-0008-0000-0700-00007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67</xdr:row>
      <xdr:rowOff>54627</xdr:rowOff>
    </xdr:from>
    <xdr:ext cx="377026" cy="259045"/>
    <xdr:sp macro="" textlink="">
      <xdr:nvSpPr>
        <xdr:cNvPr id="635" name="テキスト ボックス 634">
          <a:extLst>
            <a:ext uri="{FF2B5EF4-FFF2-40B4-BE49-F238E27FC236}">
              <a16:creationId xmlns:a16="http://schemas.microsoft.com/office/drawing/2014/main" id="{00000000-0008-0000-0700-00007B020000}"/>
            </a:ext>
          </a:extLst>
        </xdr:cNvPr>
        <xdr:cNvSpPr txBox="1"/>
      </xdr:nvSpPr>
      <xdr:spPr>
        <a:xfrm>
          <a:off x="12068974" y="11541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6" name="災害復旧費グラフ枠">
          <a:extLst>
            <a:ext uri="{FF2B5EF4-FFF2-40B4-BE49-F238E27FC236}">
              <a16:creationId xmlns:a16="http://schemas.microsoft.com/office/drawing/2014/main" id="{00000000-0008-0000-0700-00007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3777</xdr:rowOff>
    </xdr:from>
    <xdr:to>
      <xdr:col>85</xdr:col>
      <xdr:colOff>126364</xdr:colOff>
      <xdr:row>79</xdr:row>
      <xdr:rowOff>9887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flipV="1">
          <a:off x="16317595" y="12105277"/>
          <a:ext cx="1269"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8" name="災害復旧費最小値テキスト">
          <a:extLst>
            <a:ext uri="{FF2B5EF4-FFF2-40B4-BE49-F238E27FC236}">
              <a16:creationId xmlns:a16="http://schemas.microsoft.com/office/drawing/2014/main" id="{00000000-0008-0000-0700-00007E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50454</xdr:rowOff>
    </xdr:from>
    <xdr:ext cx="378565" cy="259045"/>
    <xdr:sp macro="" textlink="">
      <xdr:nvSpPr>
        <xdr:cNvPr id="640" name="災害復旧費最大値テキスト">
          <a:extLst>
            <a:ext uri="{FF2B5EF4-FFF2-40B4-BE49-F238E27FC236}">
              <a16:creationId xmlns:a16="http://schemas.microsoft.com/office/drawing/2014/main" id="{00000000-0008-0000-0700-000080020000}"/>
            </a:ext>
          </a:extLst>
        </xdr:cNvPr>
        <xdr:cNvSpPr txBox="1"/>
      </xdr:nvSpPr>
      <xdr:spPr>
        <a:xfrm>
          <a:off x="16370300" y="1188050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1</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03777</xdr:rowOff>
    </xdr:from>
    <xdr:to>
      <xdr:col>86</xdr:col>
      <xdr:colOff>25400</xdr:colOff>
      <xdr:row>70</xdr:row>
      <xdr:rowOff>103777</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6230600" y="1210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47864</xdr:rowOff>
    </xdr:from>
    <xdr:to>
      <xdr:col>85</xdr:col>
      <xdr:colOff>127000</xdr:colOff>
      <xdr:row>79</xdr:row>
      <xdr:rowOff>98879</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a:off x="15481300" y="13349514"/>
          <a:ext cx="838200" cy="29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56259</xdr:rowOff>
    </xdr:from>
    <xdr:ext cx="313932" cy="259045"/>
    <xdr:sp macro="" textlink="">
      <xdr:nvSpPr>
        <xdr:cNvPr id="643" name="災害復旧費平均値テキスト">
          <a:extLst>
            <a:ext uri="{FF2B5EF4-FFF2-40B4-BE49-F238E27FC236}">
              <a16:creationId xmlns:a16="http://schemas.microsoft.com/office/drawing/2014/main" id="{00000000-0008-0000-0700-000083020000}"/>
            </a:ext>
          </a:extLst>
        </xdr:cNvPr>
        <xdr:cNvSpPr txBox="1"/>
      </xdr:nvSpPr>
      <xdr:spPr>
        <a:xfrm>
          <a:off x="16370300" y="1325790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33382</xdr:rowOff>
    </xdr:from>
    <xdr:to>
      <xdr:col>85</xdr:col>
      <xdr:colOff>177800</xdr:colOff>
      <xdr:row>78</xdr:row>
      <xdr:rowOff>134982</xdr:rowOff>
    </xdr:to>
    <xdr:sp macro="" textlink="">
      <xdr:nvSpPr>
        <xdr:cNvPr id="644" name="フローチャート: 判断 643">
          <a:extLst>
            <a:ext uri="{FF2B5EF4-FFF2-40B4-BE49-F238E27FC236}">
              <a16:creationId xmlns:a16="http://schemas.microsoft.com/office/drawing/2014/main" id="{00000000-0008-0000-0700-000084020000}"/>
            </a:ext>
          </a:extLst>
        </xdr:cNvPr>
        <xdr:cNvSpPr/>
      </xdr:nvSpPr>
      <xdr:spPr>
        <a:xfrm>
          <a:off x="16268700" y="13406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47864</xdr:rowOff>
    </xdr:from>
    <xdr:to>
      <xdr:col>81</xdr:col>
      <xdr:colOff>50800</xdr:colOff>
      <xdr:row>79</xdr:row>
      <xdr:rowOff>98879</xdr:rowOff>
    </xdr:to>
    <xdr:cxnSp macro="">
      <xdr:nvCxnSpPr>
        <xdr:cNvPr id="645" name="直線コネクタ 644">
          <a:extLst>
            <a:ext uri="{FF2B5EF4-FFF2-40B4-BE49-F238E27FC236}">
              <a16:creationId xmlns:a16="http://schemas.microsoft.com/office/drawing/2014/main" id="{00000000-0008-0000-0700-000085020000}"/>
            </a:ext>
          </a:extLst>
        </xdr:cNvPr>
        <xdr:cNvCxnSpPr/>
      </xdr:nvCxnSpPr>
      <xdr:spPr>
        <a:xfrm flipV="1">
          <a:off x="14592300" y="13349514"/>
          <a:ext cx="889000" cy="29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9</xdr:row>
      <xdr:rowOff>35016</xdr:rowOff>
    </xdr:from>
    <xdr:to>
      <xdr:col>81</xdr:col>
      <xdr:colOff>101600</xdr:colOff>
      <xdr:row>79</xdr:row>
      <xdr:rowOff>136616</xdr:rowOff>
    </xdr:to>
    <xdr:sp macro="" textlink="">
      <xdr:nvSpPr>
        <xdr:cNvPr id="646" name="フローチャート: 判断 645">
          <a:extLst>
            <a:ext uri="{FF2B5EF4-FFF2-40B4-BE49-F238E27FC236}">
              <a16:creationId xmlns:a16="http://schemas.microsoft.com/office/drawing/2014/main" id="{00000000-0008-0000-0700-000086020000}"/>
            </a:ext>
          </a:extLst>
        </xdr:cNvPr>
        <xdr:cNvSpPr/>
      </xdr:nvSpPr>
      <xdr:spPr>
        <a:xfrm>
          <a:off x="15430500" y="13579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27743</xdr:rowOff>
    </xdr:from>
    <xdr:ext cx="249299"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5356650" y="136722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8" name="直線コネクタ 647">
          <a:extLst>
            <a:ext uri="{FF2B5EF4-FFF2-40B4-BE49-F238E27FC236}">
              <a16:creationId xmlns:a16="http://schemas.microsoft.com/office/drawing/2014/main" id="{00000000-0008-0000-0700-000088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8079</xdr:rowOff>
    </xdr:from>
    <xdr:to>
      <xdr:col>76</xdr:col>
      <xdr:colOff>165100</xdr:colOff>
      <xdr:row>79</xdr:row>
      <xdr:rowOff>149679</xdr:rowOff>
    </xdr:to>
    <xdr:sp macro="" textlink="">
      <xdr:nvSpPr>
        <xdr:cNvPr id="649" name="フローチャート: 判断 648">
          <a:extLst>
            <a:ext uri="{FF2B5EF4-FFF2-40B4-BE49-F238E27FC236}">
              <a16:creationId xmlns:a16="http://schemas.microsoft.com/office/drawing/2014/main" id="{00000000-0008-0000-0700-000089020000}"/>
            </a:ext>
          </a:extLst>
        </xdr:cNvPr>
        <xdr:cNvSpPr/>
      </xdr:nvSpPr>
      <xdr:spPr>
        <a:xfrm>
          <a:off x="14541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51" name="直線コネクタ 650">
          <a:extLst>
            <a:ext uri="{FF2B5EF4-FFF2-40B4-BE49-F238E27FC236}">
              <a16:creationId xmlns:a16="http://schemas.microsoft.com/office/drawing/2014/main" id="{00000000-0008-0000-0700-00008B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50949</xdr:rowOff>
    </xdr:from>
    <xdr:to>
      <xdr:col>72</xdr:col>
      <xdr:colOff>38100</xdr:colOff>
      <xdr:row>79</xdr:row>
      <xdr:rowOff>81099</xdr:rowOff>
    </xdr:to>
    <xdr:sp macro="" textlink="">
      <xdr:nvSpPr>
        <xdr:cNvPr id="652" name="フローチャート: 判断 651">
          <a:extLst>
            <a:ext uri="{FF2B5EF4-FFF2-40B4-BE49-F238E27FC236}">
              <a16:creationId xmlns:a16="http://schemas.microsoft.com/office/drawing/2014/main" id="{00000000-0008-0000-0700-00008C020000}"/>
            </a:ext>
          </a:extLst>
        </xdr:cNvPr>
        <xdr:cNvSpPr/>
      </xdr:nvSpPr>
      <xdr:spPr>
        <a:xfrm>
          <a:off x="13652500" y="135240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7</xdr:row>
      <xdr:rowOff>97626</xdr:rowOff>
    </xdr:from>
    <xdr:ext cx="313932"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3546333" y="13299276"/>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7277</xdr:rowOff>
    </xdr:from>
    <xdr:to>
      <xdr:col>67</xdr:col>
      <xdr:colOff>101600</xdr:colOff>
      <xdr:row>79</xdr:row>
      <xdr:rowOff>97427</xdr:rowOff>
    </xdr:to>
    <xdr:sp macro="" textlink="">
      <xdr:nvSpPr>
        <xdr:cNvPr id="654" name="フローチャート: 判断 653">
          <a:extLst>
            <a:ext uri="{FF2B5EF4-FFF2-40B4-BE49-F238E27FC236}">
              <a16:creationId xmlns:a16="http://schemas.microsoft.com/office/drawing/2014/main" id="{00000000-0008-0000-0700-00008E020000}"/>
            </a:ext>
          </a:extLst>
        </xdr:cNvPr>
        <xdr:cNvSpPr/>
      </xdr:nvSpPr>
      <xdr:spPr>
        <a:xfrm>
          <a:off x="12763500" y="135403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13954</xdr:rowOff>
    </xdr:from>
    <xdr:ext cx="313932"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2657333" y="1331560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8" name="テキスト ボックス 657">
          <a:extLst>
            <a:ext uri="{FF2B5EF4-FFF2-40B4-BE49-F238E27FC236}">
              <a16:creationId xmlns:a16="http://schemas.microsoft.com/office/drawing/2014/main" id="{00000000-0008-0000-0700-00009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62" name="災害復旧費該当値テキスト">
          <a:extLst>
            <a:ext uri="{FF2B5EF4-FFF2-40B4-BE49-F238E27FC236}">
              <a16:creationId xmlns:a16="http://schemas.microsoft.com/office/drawing/2014/main" id="{00000000-0008-0000-0700-000096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97064</xdr:rowOff>
    </xdr:from>
    <xdr:to>
      <xdr:col>81</xdr:col>
      <xdr:colOff>101600</xdr:colOff>
      <xdr:row>78</xdr:row>
      <xdr:rowOff>27214</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5430500" y="13298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6</xdr:row>
      <xdr:rowOff>43741</xdr:rowOff>
    </xdr:from>
    <xdr:ext cx="313932"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5324333" y="130739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66206</xdr:rowOff>
    </xdr:from>
    <xdr:ext cx="24929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4467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7" name="楕円 666">
          <a:extLst>
            <a:ext uri="{FF2B5EF4-FFF2-40B4-BE49-F238E27FC236}">
              <a16:creationId xmlns:a16="http://schemas.microsoft.com/office/drawing/2014/main" id="{00000000-0008-0000-0700-00009B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8" name="テキスト ボックス 667">
          <a:extLst>
            <a:ext uri="{FF2B5EF4-FFF2-40B4-BE49-F238E27FC236}">
              <a16:creationId xmlns:a16="http://schemas.microsoft.com/office/drawing/2014/main" id="{00000000-0008-0000-0700-00009C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9" name="楕円 668">
          <a:extLst>
            <a:ext uri="{FF2B5EF4-FFF2-40B4-BE49-F238E27FC236}">
              <a16:creationId xmlns:a16="http://schemas.microsoft.com/office/drawing/2014/main" id="{00000000-0008-0000-0700-00009D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5" name="正方形/長方形 674">
          <a:extLst>
            <a:ext uri="{FF2B5EF4-FFF2-40B4-BE49-F238E27FC236}">
              <a16:creationId xmlns:a16="http://schemas.microsoft.com/office/drawing/2014/main" id="{00000000-0008-0000-0700-0000A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6" name="正方形/長方形 675">
          <a:extLst>
            <a:ext uri="{FF2B5EF4-FFF2-40B4-BE49-F238E27FC236}">
              <a16:creationId xmlns:a16="http://schemas.microsoft.com/office/drawing/2014/main" id="{00000000-0008-0000-0700-0000A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7" name="正方形/長方形 676">
          <a:extLst>
            <a:ext uri="{FF2B5EF4-FFF2-40B4-BE49-F238E27FC236}">
              <a16:creationId xmlns:a16="http://schemas.microsoft.com/office/drawing/2014/main" id="{00000000-0008-0000-0700-0000A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8" name="正方形/長方形 677">
          <a:extLst>
            <a:ext uri="{FF2B5EF4-FFF2-40B4-BE49-F238E27FC236}">
              <a16:creationId xmlns:a16="http://schemas.microsoft.com/office/drawing/2014/main" id="{00000000-0008-0000-0700-0000A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90" name="テキスト ボックス 689">
          <a:extLst>
            <a:ext uri="{FF2B5EF4-FFF2-40B4-BE49-F238E27FC236}">
              <a16:creationId xmlns:a16="http://schemas.microsoft.com/office/drawing/2014/main" id="{00000000-0008-0000-0700-0000B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1" name="直線コネクタ 690">
          <a:extLst>
            <a:ext uri="{FF2B5EF4-FFF2-40B4-BE49-F238E27FC236}">
              <a16:creationId xmlns:a16="http://schemas.microsoft.com/office/drawing/2014/main" id="{00000000-0008-0000-0700-0000B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92" name="テキスト ボックス 691">
          <a:extLst>
            <a:ext uri="{FF2B5EF4-FFF2-40B4-BE49-F238E27FC236}">
              <a16:creationId xmlns:a16="http://schemas.microsoft.com/office/drawing/2014/main" id="{00000000-0008-0000-0700-0000B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3" name="公債費グラフ枠">
          <a:extLst>
            <a:ext uri="{FF2B5EF4-FFF2-40B4-BE49-F238E27FC236}">
              <a16:creationId xmlns:a16="http://schemas.microsoft.com/office/drawing/2014/main" id="{00000000-0008-0000-0700-0000B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6536</xdr:rowOff>
    </xdr:from>
    <xdr:to>
      <xdr:col>85</xdr:col>
      <xdr:colOff>126364</xdr:colOff>
      <xdr:row>98</xdr:row>
      <xdr:rowOff>147625</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flipV="1">
          <a:off x="16317595" y="15547036"/>
          <a:ext cx="1269" cy="1402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1452</xdr:rowOff>
    </xdr:from>
    <xdr:ext cx="378565" cy="259045"/>
    <xdr:sp macro="" textlink="">
      <xdr:nvSpPr>
        <xdr:cNvPr id="695" name="公債費最小値テキスト">
          <a:extLst>
            <a:ext uri="{FF2B5EF4-FFF2-40B4-BE49-F238E27FC236}">
              <a16:creationId xmlns:a16="http://schemas.microsoft.com/office/drawing/2014/main" id="{00000000-0008-0000-0700-0000B7020000}"/>
            </a:ext>
          </a:extLst>
        </xdr:cNvPr>
        <xdr:cNvSpPr txBox="1"/>
      </xdr:nvSpPr>
      <xdr:spPr>
        <a:xfrm>
          <a:off x="16370300" y="169535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47625</xdr:rowOff>
    </xdr:from>
    <xdr:to>
      <xdr:col>86</xdr:col>
      <xdr:colOff>25400</xdr:colOff>
      <xdr:row>98</xdr:row>
      <xdr:rowOff>147625</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a:off x="16230600" y="169497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63213</xdr:rowOff>
    </xdr:from>
    <xdr:ext cx="534377" cy="259045"/>
    <xdr:sp macro="" textlink="">
      <xdr:nvSpPr>
        <xdr:cNvPr id="697" name="公債費最大値テキスト">
          <a:extLst>
            <a:ext uri="{FF2B5EF4-FFF2-40B4-BE49-F238E27FC236}">
              <a16:creationId xmlns:a16="http://schemas.microsoft.com/office/drawing/2014/main" id="{00000000-0008-0000-0700-0000B9020000}"/>
            </a:ext>
          </a:extLst>
        </xdr:cNvPr>
        <xdr:cNvSpPr txBox="1"/>
      </xdr:nvSpPr>
      <xdr:spPr>
        <a:xfrm>
          <a:off x="16370300" y="15322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0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16536</xdr:rowOff>
    </xdr:from>
    <xdr:to>
      <xdr:col>86</xdr:col>
      <xdr:colOff>25400</xdr:colOff>
      <xdr:row>90</xdr:row>
      <xdr:rowOff>116536</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6230600" y="155470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61061</xdr:rowOff>
    </xdr:from>
    <xdr:to>
      <xdr:col>85</xdr:col>
      <xdr:colOff>127000</xdr:colOff>
      <xdr:row>96</xdr:row>
      <xdr:rowOff>109296</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5481300" y="16520261"/>
          <a:ext cx="838200" cy="48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48277</xdr:rowOff>
    </xdr:from>
    <xdr:ext cx="469744" cy="259045"/>
    <xdr:sp macro="" textlink="">
      <xdr:nvSpPr>
        <xdr:cNvPr id="700" name="公債費平均値テキスト">
          <a:extLst>
            <a:ext uri="{FF2B5EF4-FFF2-40B4-BE49-F238E27FC236}">
              <a16:creationId xmlns:a16="http://schemas.microsoft.com/office/drawing/2014/main" id="{00000000-0008-0000-0700-0000BC020000}"/>
            </a:ext>
          </a:extLst>
        </xdr:cNvPr>
        <xdr:cNvSpPr txBox="1"/>
      </xdr:nvSpPr>
      <xdr:spPr>
        <a:xfrm>
          <a:off x="16370300" y="162645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5400</xdr:rowOff>
    </xdr:from>
    <xdr:to>
      <xdr:col>85</xdr:col>
      <xdr:colOff>177800</xdr:colOff>
      <xdr:row>96</xdr:row>
      <xdr:rowOff>55550</xdr:rowOff>
    </xdr:to>
    <xdr:sp macro="" textlink="">
      <xdr:nvSpPr>
        <xdr:cNvPr id="701" name="フローチャート: 判断 700">
          <a:extLst>
            <a:ext uri="{FF2B5EF4-FFF2-40B4-BE49-F238E27FC236}">
              <a16:creationId xmlns:a16="http://schemas.microsoft.com/office/drawing/2014/main" id="{00000000-0008-0000-0700-0000BD020000}"/>
            </a:ext>
          </a:extLst>
        </xdr:cNvPr>
        <xdr:cNvSpPr/>
      </xdr:nvSpPr>
      <xdr:spPr>
        <a:xfrm>
          <a:off x="16268700" y="1641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54508</xdr:rowOff>
    </xdr:from>
    <xdr:to>
      <xdr:col>81</xdr:col>
      <xdr:colOff>50800</xdr:colOff>
      <xdr:row>96</xdr:row>
      <xdr:rowOff>109296</xdr:rowOff>
    </xdr:to>
    <xdr:cxnSp macro="">
      <xdr:nvCxnSpPr>
        <xdr:cNvPr id="702" name="直線コネクタ 701">
          <a:extLst>
            <a:ext uri="{FF2B5EF4-FFF2-40B4-BE49-F238E27FC236}">
              <a16:creationId xmlns:a16="http://schemas.microsoft.com/office/drawing/2014/main" id="{00000000-0008-0000-0700-0000BE020000}"/>
            </a:ext>
          </a:extLst>
        </xdr:cNvPr>
        <xdr:cNvCxnSpPr/>
      </xdr:nvCxnSpPr>
      <xdr:spPr>
        <a:xfrm>
          <a:off x="14592300" y="16513708"/>
          <a:ext cx="889000" cy="547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41199</xdr:rowOff>
    </xdr:from>
    <xdr:to>
      <xdr:col>81</xdr:col>
      <xdr:colOff>101600</xdr:colOff>
      <xdr:row>96</xdr:row>
      <xdr:rowOff>142799</xdr:rowOff>
    </xdr:to>
    <xdr:sp macro="" textlink="">
      <xdr:nvSpPr>
        <xdr:cNvPr id="703" name="フローチャート: 判断 702">
          <a:extLst>
            <a:ext uri="{FF2B5EF4-FFF2-40B4-BE49-F238E27FC236}">
              <a16:creationId xmlns:a16="http://schemas.microsoft.com/office/drawing/2014/main" id="{00000000-0008-0000-0700-0000BF020000}"/>
            </a:ext>
          </a:extLst>
        </xdr:cNvPr>
        <xdr:cNvSpPr/>
      </xdr:nvSpPr>
      <xdr:spPr>
        <a:xfrm>
          <a:off x="15430500" y="165003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4</xdr:row>
      <xdr:rowOff>159326</xdr:rowOff>
    </xdr:from>
    <xdr:ext cx="469744"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5246428" y="16275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79045</xdr:rowOff>
    </xdr:from>
    <xdr:to>
      <xdr:col>76</xdr:col>
      <xdr:colOff>114300</xdr:colOff>
      <xdr:row>96</xdr:row>
      <xdr:rowOff>54508</xdr:rowOff>
    </xdr:to>
    <xdr:cxnSp macro="">
      <xdr:nvCxnSpPr>
        <xdr:cNvPr id="705" name="直線コネクタ 704">
          <a:extLst>
            <a:ext uri="{FF2B5EF4-FFF2-40B4-BE49-F238E27FC236}">
              <a16:creationId xmlns:a16="http://schemas.microsoft.com/office/drawing/2014/main" id="{00000000-0008-0000-0700-0000C1020000}"/>
            </a:ext>
          </a:extLst>
        </xdr:cNvPr>
        <xdr:cNvCxnSpPr/>
      </xdr:nvCxnSpPr>
      <xdr:spPr>
        <a:xfrm>
          <a:off x="13703300" y="16366795"/>
          <a:ext cx="889000" cy="146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111683</xdr:rowOff>
    </xdr:from>
    <xdr:to>
      <xdr:col>76</xdr:col>
      <xdr:colOff>165100</xdr:colOff>
      <xdr:row>96</xdr:row>
      <xdr:rowOff>41833</xdr:rowOff>
    </xdr:to>
    <xdr:sp macro="" textlink="">
      <xdr:nvSpPr>
        <xdr:cNvPr id="706" name="フローチャート: 判断 705">
          <a:extLst>
            <a:ext uri="{FF2B5EF4-FFF2-40B4-BE49-F238E27FC236}">
              <a16:creationId xmlns:a16="http://schemas.microsoft.com/office/drawing/2014/main" id="{00000000-0008-0000-0700-0000C2020000}"/>
            </a:ext>
          </a:extLst>
        </xdr:cNvPr>
        <xdr:cNvSpPr/>
      </xdr:nvSpPr>
      <xdr:spPr>
        <a:xfrm>
          <a:off x="14541500" y="163994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58360</xdr:rowOff>
    </xdr:from>
    <xdr:ext cx="469744"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4357428" y="161746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79045</xdr:rowOff>
    </xdr:from>
    <xdr:to>
      <xdr:col>71</xdr:col>
      <xdr:colOff>177800</xdr:colOff>
      <xdr:row>96</xdr:row>
      <xdr:rowOff>5817</xdr:rowOff>
    </xdr:to>
    <xdr:cxnSp macro="">
      <xdr:nvCxnSpPr>
        <xdr:cNvPr id="708" name="直線コネクタ 707">
          <a:extLst>
            <a:ext uri="{FF2B5EF4-FFF2-40B4-BE49-F238E27FC236}">
              <a16:creationId xmlns:a16="http://schemas.microsoft.com/office/drawing/2014/main" id="{00000000-0008-0000-0700-0000C4020000}"/>
            </a:ext>
          </a:extLst>
        </xdr:cNvPr>
        <xdr:cNvCxnSpPr/>
      </xdr:nvCxnSpPr>
      <xdr:spPr>
        <a:xfrm flipV="1">
          <a:off x="12814300" y="16366795"/>
          <a:ext cx="889000" cy="98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01321</xdr:rowOff>
    </xdr:from>
    <xdr:to>
      <xdr:col>72</xdr:col>
      <xdr:colOff>38100</xdr:colOff>
      <xdr:row>96</xdr:row>
      <xdr:rowOff>31471</xdr:rowOff>
    </xdr:to>
    <xdr:sp macro="" textlink="">
      <xdr:nvSpPr>
        <xdr:cNvPr id="709" name="フローチャート: 判断 708">
          <a:extLst>
            <a:ext uri="{FF2B5EF4-FFF2-40B4-BE49-F238E27FC236}">
              <a16:creationId xmlns:a16="http://schemas.microsoft.com/office/drawing/2014/main" id="{00000000-0008-0000-0700-0000C5020000}"/>
            </a:ext>
          </a:extLst>
        </xdr:cNvPr>
        <xdr:cNvSpPr/>
      </xdr:nvSpPr>
      <xdr:spPr>
        <a:xfrm>
          <a:off x="13652500" y="163890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22598</xdr:rowOff>
    </xdr:from>
    <xdr:ext cx="469744"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3468428" y="16481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20066</xdr:rowOff>
    </xdr:from>
    <xdr:to>
      <xdr:col>67</xdr:col>
      <xdr:colOff>101600</xdr:colOff>
      <xdr:row>95</xdr:row>
      <xdr:rowOff>50216</xdr:rowOff>
    </xdr:to>
    <xdr:sp macro="" textlink="">
      <xdr:nvSpPr>
        <xdr:cNvPr id="711" name="フローチャート: 判断 710">
          <a:extLst>
            <a:ext uri="{FF2B5EF4-FFF2-40B4-BE49-F238E27FC236}">
              <a16:creationId xmlns:a16="http://schemas.microsoft.com/office/drawing/2014/main" id="{00000000-0008-0000-0700-0000C7020000}"/>
            </a:ext>
          </a:extLst>
        </xdr:cNvPr>
        <xdr:cNvSpPr/>
      </xdr:nvSpPr>
      <xdr:spPr>
        <a:xfrm>
          <a:off x="12763500" y="16236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66743</xdr:rowOff>
    </xdr:from>
    <xdr:ext cx="469744"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2579428" y="160115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5" name="テキスト ボックス 714">
          <a:extLst>
            <a:ext uri="{FF2B5EF4-FFF2-40B4-BE49-F238E27FC236}">
              <a16:creationId xmlns:a16="http://schemas.microsoft.com/office/drawing/2014/main" id="{00000000-0008-0000-0700-0000C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0261</xdr:rowOff>
    </xdr:from>
    <xdr:to>
      <xdr:col>85</xdr:col>
      <xdr:colOff>177800</xdr:colOff>
      <xdr:row>96</xdr:row>
      <xdr:rowOff>111861</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6268700" y="1646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60138</xdr:rowOff>
    </xdr:from>
    <xdr:ext cx="469744" cy="259045"/>
    <xdr:sp macro="" textlink="">
      <xdr:nvSpPr>
        <xdr:cNvPr id="719" name="公債費該当値テキスト">
          <a:extLst>
            <a:ext uri="{FF2B5EF4-FFF2-40B4-BE49-F238E27FC236}">
              <a16:creationId xmlns:a16="http://schemas.microsoft.com/office/drawing/2014/main" id="{00000000-0008-0000-0700-0000CF020000}"/>
            </a:ext>
          </a:extLst>
        </xdr:cNvPr>
        <xdr:cNvSpPr txBox="1"/>
      </xdr:nvSpPr>
      <xdr:spPr>
        <a:xfrm>
          <a:off x="16370300" y="164478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58496</xdr:rowOff>
    </xdr:from>
    <xdr:to>
      <xdr:col>81</xdr:col>
      <xdr:colOff>101600</xdr:colOff>
      <xdr:row>96</xdr:row>
      <xdr:rowOff>160096</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5430500" y="16517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6</xdr:row>
      <xdr:rowOff>151223</xdr:rowOff>
    </xdr:from>
    <xdr:ext cx="469744"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5246428" y="166104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3708</xdr:rowOff>
    </xdr:from>
    <xdr:to>
      <xdr:col>76</xdr:col>
      <xdr:colOff>165100</xdr:colOff>
      <xdr:row>96</xdr:row>
      <xdr:rowOff>105308</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4541500" y="164629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96435</xdr:rowOff>
    </xdr:from>
    <xdr:ext cx="469744"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4357428" y="16555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28245</xdr:rowOff>
    </xdr:from>
    <xdr:to>
      <xdr:col>72</xdr:col>
      <xdr:colOff>38100</xdr:colOff>
      <xdr:row>95</xdr:row>
      <xdr:rowOff>129845</xdr:rowOff>
    </xdr:to>
    <xdr:sp macro="" textlink="">
      <xdr:nvSpPr>
        <xdr:cNvPr id="724" name="楕円 723">
          <a:extLst>
            <a:ext uri="{FF2B5EF4-FFF2-40B4-BE49-F238E27FC236}">
              <a16:creationId xmlns:a16="http://schemas.microsoft.com/office/drawing/2014/main" id="{00000000-0008-0000-0700-0000D4020000}"/>
            </a:ext>
          </a:extLst>
        </xdr:cNvPr>
        <xdr:cNvSpPr/>
      </xdr:nvSpPr>
      <xdr:spPr>
        <a:xfrm>
          <a:off x="13652500" y="16315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3</xdr:row>
      <xdr:rowOff>146372</xdr:rowOff>
    </xdr:from>
    <xdr:ext cx="469744" cy="259045"/>
    <xdr:sp macro="" textlink="">
      <xdr:nvSpPr>
        <xdr:cNvPr id="725" name="テキスト ボックス 724">
          <a:extLst>
            <a:ext uri="{FF2B5EF4-FFF2-40B4-BE49-F238E27FC236}">
              <a16:creationId xmlns:a16="http://schemas.microsoft.com/office/drawing/2014/main" id="{00000000-0008-0000-0700-0000D5020000}"/>
            </a:ext>
          </a:extLst>
        </xdr:cNvPr>
        <xdr:cNvSpPr txBox="1"/>
      </xdr:nvSpPr>
      <xdr:spPr>
        <a:xfrm>
          <a:off x="13468428" y="160912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26467</xdr:rowOff>
    </xdr:from>
    <xdr:to>
      <xdr:col>67</xdr:col>
      <xdr:colOff>101600</xdr:colOff>
      <xdr:row>96</xdr:row>
      <xdr:rowOff>56617</xdr:rowOff>
    </xdr:to>
    <xdr:sp macro="" textlink="">
      <xdr:nvSpPr>
        <xdr:cNvPr id="726" name="楕円 725">
          <a:extLst>
            <a:ext uri="{FF2B5EF4-FFF2-40B4-BE49-F238E27FC236}">
              <a16:creationId xmlns:a16="http://schemas.microsoft.com/office/drawing/2014/main" id="{00000000-0008-0000-0700-0000D6020000}"/>
            </a:ext>
          </a:extLst>
        </xdr:cNvPr>
        <xdr:cNvSpPr/>
      </xdr:nvSpPr>
      <xdr:spPr>
        <a:xfrm>
          <a:off x="12763500" y="164142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6</xdr:row>
      <xdr:rowOff>47744</xdr:rowOff>
    </xdr:from>
    <xdr:ext cx="469744" cy="259045"/>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2579428" y="165069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2" name="正方形/長方形 731">
          <a:extLst>
            <a:ext uri="{FF2B5EF4-FFF2-40B4-BE49-F238E27FC236}">
              <a16:creationId xmlns:a16="http://schemas.microsoft.com/office/drawing/2014/main" id="{00000000-0008-0000-0700-0000D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3" name="正方形/長方形 732">
          <a:extLst>
            <a:ext uri="{FF2B5EF4-FFF2-40B4-BE49-F238E27FC236}">
              <a16:creationId xmlns:a16="http://schemas.microsoft.com/office/drawing/2014/main" id="{00000000-0008-0000-0700-0000D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4" name="正方形/長方形 733">
          <a:extLst>
            <a:ext uri="{FF2B5EF4-FFF2-40B4-BE49-F238E27FC236}">
              <a16:creationId xmlns:a16="http://schemas.microsoft.com/office/drawing/2014/main" id="{00000000-0008-0000-0700-0000D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5" name="正方形/長方形 734">
          <a:extLst>
            <a:ext uri="{FF2B5EF4-FFF2-40B4-BE49-F238E27FC236}">
              <a16:creationId xmlns:a16="http://schemas.microsoft.com/office/drawing/2014/main" id="{00000000-0008-0000-0700-0000D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6</xdr:row>
      <xdr:rowOff>35577</xdr:rowOff>
    </xdr:from>
    <xdr:ext cx="377026"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910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3</xdr:row>
      <xdr:rowOff>168927</xdr:rowOff>
    </xdr:from>
    <xdr:ext cx="377026"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910974" y="582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1</xdr:row>
      <xdr:rowOff>130827</xdr:rowOff>
    </xdr:from>
    <xdr:ext cx="377026" cy="259045"/>
    <xdr:sp macro="" textlink="">
      <xdr:nvSpPr>
        <xdr:cNvPr id="745" name="テキスト ボックス 744">
          <a:extLst>
            <a:ext uri="{FF2B5EF4-FFF2-40B4-BE49-F238E27FC236}">
              <a16:creationId xmlns:a16="http://schemas.microsoft.com/office/drawing/2014/main" id="{00000000-0008-0000-0700-0000E9020000}"/>
            </a:ext>
          </a:extLst>
        </xdr:cNvPr>
        <xdr:cNvSpPr txBox="1"/>
      </xdr:nvSpPr>
      <xdr:spPr>
        <a:xfrm>
          <a:off x="17910974" y="5445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92727</xdr:rowOff>
    </xdr:from>
    <xdr:ext cx="377026" cy="259045"/>
    <xdr:sp macro="" textlink="">
      <xdr:nvSpPr>
        <xdr:cNvPr id="747" name="テキスト ボックス 746">
          <a:extLst>
            <a:ext uri="{FF2B5EF4-FFF2-40B4-BE49-F238E27FC236}">
              <a16:creationId xmlns:a16="http://schemas.microsoft.com/office/drawing/2014/main" id="{00000000-0008-0000-0700-0000EB020000}"/>
            </a:ext>
          </a:extLst>
        </xdr:cNvPr>
        <xdr:cNvSpPr txBox="1"/>
      </xdr:nvSpPr>
      <xdr:spPr>
        <a:xfrm>
          <a:off x="17910974" y="5064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49" name="テキスト ボックス 748">
          <a:extLst>
            <a:ext uri="{FF2B5EF4-FFF2-40B4-BE49-F238E27FC236}">
              <a16:creationId xmlns:a16="http://schemas.microsoft.com/office/drawing/2014/main" id="{00000000-0008-0000-0700-0000ED020000}"/>
            </a:ext>
          </a:extLst>
        </xdr:cNvPr>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0" name="諸支出金グラフ枠">
          <a:extLst>
            <a:ext uri="{FF2B5EF4-FFF2-40B4-BE49-F238E27FC236}">
              <a16:creationId xmlns:a16="http://schemas.microsoft.com/office/drawing/2014/main" id="{00000000-0008-0000-0700-0000E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3510</xdr:rowOff>
    </xdr:from>
    <xdr:to>
      <xdr:col>116</xdr:col>
      <xdr:colOff>62864</xdr:colOff>
      <xdr:row>39</xdr:row>
      <xdr:rowOff>44450</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flipV="1">
          <a:off x="22159595" y="5115560"/>
          <a:ext cx="1269" cy="1615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52" name="諸支出金最小値テキスト">
          <a:extLst>
            <a:ext uri="{FF2B5EF4-FFF2-40B4-BE49-F238E27FC236}">
              <a16:creationId xmlns:a16="http://schemas.microsoft.com/office/drawing/2014/main" id="{00000000-0008-0000-0700-0000F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0187</xdr:rowOff>
    </xdr:from>
    <xdr:ext cx="378565" cy="259045"/>
    <xdr:sp macro="" textlink="">
      <xdr:nvSpPr>
        <xdr:cNvPr id="754" name="諸支出金最大値テキスト">
          <a:extLst>
            <a:ext uri="{FF2B5EF4-FFF2-40B4-BE49-F238E27FC236}">
              <a16:creationId xmlns:a16="http://schemas.microsoft.com/office/drawing/2014/main" id="{00000000-0008-0000-0700-0000F2020000}"/>
            </a:ext>
          </a:extLst>
        </xdr:cNvPr>
        <xdr:cNvSpPr txBox="1"/>
      </xdr:nvSpPr>
      <xdr:spPr>
        <a:xfrm>
          <a:off x="22212300" y="48907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2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29</xdr:row>
      <xdr:rowOff>143510</xdr:rowOff>
    </xdr:from>
    <xdr:to>
      <xdr:col>116</xdr:col>
      <xdr:colOff>152400</xdr:colOff>
      <xdr:row>29</xdr:row>
      <xdr:rowOff>143510</xdr:rowOff>
    </xdr:to>
    <xdr:cxnSp macro="">
      <xdr:nvCxnSpPr>
        <xdr:cNvPr id="755" name="直線コネクタ 754">
          <a:extLst>
            <a:ext uri="{FF2B5EF4-FFF2-40B4-BE49-F238E27FC236}">
              <a16:creationId xmlns:a16="http://schemas.microsoft.com/office/drawing/2014/main" id="{00000000-0008-0000-0700-0000F3020000}"/>
            </a:ext>
          </a:extLst>
        </xdr:cNvPr>
        <xdr:cNvCxnSpPr/>
      </xdr:nvCxnSpPr>
      <xdr:spPr>
        <a:xfrm>
          <a:off x="22072600" y="51155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7967</xdr:rowOff>
    </xdr:from>
    <xdr:ext cx="313932" cy="259045"/>
    <xdr:sp macro="" textlink="">
      <xdr:nvSpPr>
        <xdr:cNvPr id="757" name="諸支出金平均値テキスト">
          <a:extLst>
            <a:ext uri="{FF2B5EF4-FFF2-40B4-BE49-F238E27FC236}">
              <a16:creationId xmlns:a16="http://schemas.microsoft.com/office/drawing/2014/main" id="{00000000-0008-0000-0700-0000F5020000}"/>
            </a:ext>
          </a:extLst>
        </xdr:cNvPr>
        <xdr:cNvSpPr txBox="1"/>
      </xdr:nvSpPr>
      <xdr:spPr>
        <a:xfrm>
          <a:off x="22212300" y="6451617"/>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5090</xdr:rowOff>
    </xdr:from>
    <xdr:to>
      <xdr:col>116</xdr:col>
      <xdr:colOff>114300</xdr:colOff>
      <xdr:row>39</xdr:row>
      <xdr:rowOff>15240</xdr:rowOff>
    </xdr:to>
    <xdr:sp macro="" textlink="">
      <xdr:nvSpPr>
        <xdr:cNvPr id="758" name="フローチャート: 判断 757">
          <a:extLst>
            <a:ext uri="{FF2B5EF4-FFF2-40B4-BE49-F238E27FC236}">
              <a16:creationId xmlns:a16="http://schemas.microsoft.com/office/drawing/2014/main" id="{00000000-0008-0000-0700-0000F6020000}"/>
            </a:ext>
          </a:extLst>
        </xdr:cNvPr>
        <xdr:cNvSpPr/>
      </xdr:nvSpPr>
      <xdr:spPr>
        <a:xfrm>
          <a:off x="22110700" y="6600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92710</xdr:rowOff>
    </xdr:from>
    <xdr:to>
      <xdr:col>112</xdr:col>
      <xdr:colOff>38100</xdr:colOff>
      <xdr:row>38</xdr:row>
      <xdr:rowOff>22860</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21272500" y="6436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39387</xdr:rowOff>
    </xdr:from>
    <xdr:ext cx="313932"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166333" y="621158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62" name="直線コネクタ 761">
          <a:extLst>
            <a:ext uri="{FF2B5EF4-FFF2-40B4-BE49-F238E27FC236}">
              <a16:creationId xmlns:a16="http://schemas.microsoft.com/office/drawing/2014/main" id="{00000000-0008-0000-0700-0000FA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2</xdr:row>
      <xdr:rowOff>130810</xdr:rowOff>
    </xdr:from>
    <xdr:to>
      <xdr:col>107</xdr:col>
      <xdr:colOff>101600</xdr:colOff>
      <xdr:row>33</xdr:row>
      <xdr:rowOff>60960</xdr:rowOff>
    </xdr:to>
    <xdr:sp macro="" textlink="">
      <xdr:nvSpPr>
        <xdr:cNvPr id="763" name="フローチャート: 判断 762">
          <a:extLst>
            <a:ext uri="{FF2B5EF4-FFF2-40B4-BE49-F238E27FC236}">
              <a16:creationId xmlns:a16="http://schemas.microsoft.com/office/drawing/2014/main" id="{00000000-0008-0000-0700-0000FB020000}"/>
            </a:ext>
          </a:extLst>
        </xdr:cNvPr>
        <xdr:cNvSpPr/>
      </xdr:nvSpPr>
      <xdr:spPr>
        <a:xfrm>
          <a:off x="20383500" y="56172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1</xdr:row>
      <xdr:rowOff>77487</xdr:rowOff>
    </xdr:from>
    <xdr:ext cx="378565"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0245017" y="53924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65" name="直線コネクタ 764">
          <a:extLst>
            <a:ext uri="{FF2B5EF4-FFF2-40B4-BE49-F238E27FC236}">
              <a16:creationId xmlns:a16="http://schemas.microsoft.com/office/drawing/2014/main" id="{00000000-0008-0000-0700-0000FD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58420</xdr:rowOff>
    </xdr:from>
    <xdr:to>
      <xdr:col>102</xdr:col>
      <xdr:colOff>165100</xdr:colOff>
      <xdr:row>37</xdr:row>
      <xdr:rowOff>160020</xdr:rowOff>
    </xdr:to>
    <xdr:sp macro="" textlink="">
      <xdr:nvSpPr>
        <xdr:cNvPr id="766" name="フローチャート: 判断 765">
          <a:extLst>
            <a:ext uri="{FF2B5EF4-FFF2-40B4-BE49-F238E27FC236}">
              <a16:creationId xmlns:a16="http://schemas.microsoft.com/office/drawing/2014/main" id="{00000000-0008-0000-0700-0000FE020000}"/>
            </a:ext>
          </a:extLst>
        </xdr:cNvPr>
        <xdr:cNvSpPr/>
      </xdr:nvSpPr>
      <xdr:spPr>
        <a:xfrm>
          <a:off x="19494500" y="6402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6</xdr:row>
      <xdr:rowOff>5097</xdr:rowOff>
    </xdr:from>
    <xdr:ext cx="313932"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88333" y="617729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24130</xdr:rowOff>
    </xdr:from>
    <xdr:to>
      <xdr:col>98</xdr:col>
      <xdr:colOff>38100</xdr:colOff>
      <xdr:row>38</xdr:row>
      <xdr:rowOff>125730</xdr:rowOff>
    </xdr:to>
    <xdr:sp macro="" textlink="">
      <xdr:nvSpPr>
        <xdr:cNvPr id="768" name="フローチャート: 判断 767">
          <a:extLst>
            <a:ext uri="{FF2B5EF4-FFF2-40B4-BE49-F238E27FC236}">
              <a16:creationId xmlns:a16="http://schemas.microsoft.com/office/drawing/2014/main" id="{00000000-0008-0000-0700-000000030000}"/>
            </a:ext>
          </a:extLst>
        </xdr:cNvPr>
        <xdr:cNvSpPr/>
      </xdr:nvSpPr>
      <xdr:spPr>
        <a:xfrm>
          <a:off x="18605500" y="6539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142257</xdr:rowOff>
    </xdr:from>
    <xdr:ext cx="313932"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18499333" y="631445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0" name="テキスト ボックス 769">
          <a:extLst>
            <a:ext uri="{FF2B5EF4-FFF2-40B4-BE49-F238E27FC236}">
              <a16:creationId xmlns:a16="http://schemas.microsoft.com/office/drawing/2014/main" id="{00000000-0008-0000-0700-00000203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76" name="諸支出金該当値テキスト">
          <a:extLst>
            <a:ext uri="{FF2B5EF4-FFF2-40B4-BE49-F238E27FC236}">
              <a16:creationId xmlns:a16="http://schemas.microsoft.com/office/drawing/2014/main" id="{00000000-0008-0000-0700-000008030000}"/>
            </a:ext>
          </a:extLst>
        </xdr:cNvPr>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9" name="楕円 778">
          <a:extLst>
            <a:ext uri="{FF2B5EF4-FFF2-40B4-BE49-F238E27FC236}">
              <a16:creationId xmlns:a16="http://schemas.microsoft.com/office/drawing/2014/main" id="{00000000-0008-0000-0700-00000B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80" name="テキスト ボックス 779">
          <a:extLst>
            <a:ext uri="{FF2B5EF4-FFF2-40B4-BE49-F238E27FC236}">
              <a16:creationId xmlns:a16="http://schemas.microsoft.com/office/drawing/2014/main" id="{00000000-0008-0000-0700-00000C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81" name="楕円 780">
          <a:extLst>
            <a:ext uri="{FF2B5EF4-FFF2-40B4-BE49-F238E27FC236}">
              <a16:creationId xmlns:a16="http://schemas.microsoft.com/office/drawing/2014/main" id="{00000000-0008-0000-0700-00000D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83" name="楕円 782">
          <a:extLst>
            <a:ext uri="{FF2B5EF4-FFF2-40B4-BE49-F238E27FC236}">
              <a16:creationId xmlns:a16="http://schemas.microsoft.com/office/drawing/2014/main" id="{00000000-0008-0000-0700-00000F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7" name="正方形/長方形 786">
          <a:extLst>
            <a:ext uri="{FF2B5EF4-FFF2-40B4-BE49-F238E27FC236}">
              <a16:creationId xmlns:a16="http://schemas.microsoft.com/office/drawing/2014/main" id="{00000000-0008-0000-0700-00001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8" name="正方形/長方形 787">
          <a:extLst>
            <a:ext uri="{FF2B5EF4-FFF2-40B4-BE49-F238E27FC236}">
              <a16:creationId xmlns:a16="http://schemas.microsoft.com/office/drawing/2014/main" id="{00000000-0008-0000-0700-00001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9" name="正方形/長方形 788">
          <a:extLst>
            <a:ext uri="{FF2B5EF4-FFF2-40B4-BE49-F238E27FC236}">
              <a16:creationId xmlns:a16="http://schemas.microsoft.com/office/drawing/2014/main" id="{00000000-0008-0000-0700-00001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0" name="正方形/長方形 789">
          <a:extLst>
            <a:ext uri="{FF2B5EF4-FFF2-40B4-BE49-F238E27FC236}">
              <a16:creationId xmlns:a16="http://schemas.microsoft.com/office/drawing/2014/main" id="{00000000-0008-0000-0700-00001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1" name="正方形/長方形 790">
          <a:extLst>
            <a:ext uri="{FF2B5EF4-FFF2-40B4-BE49-F238E27FC236}">
              <a16:creationId xmlns:a16="http://schemas.microsoft.com/office/drawing/2014/main" id="{00000000-0008-0000-0700-00001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92" name="正方形/長方形 791">
          <a:extLst>
            <a:ext uri="{FF2B5EF4-FFF2-40B4-BE49-F238E27FC236}">
              <a16:creationId xmlns:a16="http://schemas.microsoft.com/office/drawing/2014/main" id="{00000000-0008-0000-0700-00001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93" name="テキスト ボックス 792">
          <a:extLst>
            <a:ext uri="{FF2B5EF4-FFF2-40B4-BE49-F238E27FC236}">
              <a16:creationId xmlns:a16="http://schemas.microsoft.com/office/drawing/2014/main" id="{00000000-0008-0000-0700-00001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6" name="テキスト ボックス 795">
          <a:extLst>
            <a:ext uri="{FF2B5EF4-FFF2-40B4-BE49-F238E27FC236}">
              <a16:creationId xmlns:a16="http://schemas.microsoft.com/office/drawing/2014/main" id="{00000000-0008-0000-0700-00001C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8" name="テキスト ボックス 797">
          <a:extLst>
            <a:ext uri="{FF2B5EF4-FFF2-40B4-BE49-F238E27FC236}">
              <a16:creationId xmlns:a16="http://schemas.microsoft.com/office/drawing/2014/main" id="{00000000-0008-0000-0700-00001E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9" name="前年度繰上充用金グラフ枠">
          <a:extLst>
            <a:ext uri="{FF2B5EF4-FFF2-40B4-BE49-F238E27FC236}">
              <a16:creationId xmlns:a16="http://schemas.microsoft.com/office/drawing/2014/main" id="{00000000-0008-0000-0700-00001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1" name="前年度繰上充用金最小値テキスト">
          <a:extLst>
            <a:ext uri="{FF2B5EF4-FFF2-40B4-BE49-F238E27FC236}">
              <a16:creationId xmlns:a16="http://schemas.microsoft.com/office/drawing/2014/main" id="{00000000-0008-0000-0700-000021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03" name="前年度繰上充用金最大値テキスト">
          <a:extLst>
            <a:ext uri="{FF2B5EF4-FFF2-40B4-BE49-F238E27FC236}">
              <a16:creationId xmlns:a16="http://schemas.microsoft.com/office/drawing/2014/main" id="{00000000-0008-0000-0700-000023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04" name="直線コネクタ 803">
          <a:extLst>
            <a:ext uri="{FF2B5EF4-FFF2-40B4-BE49-F238E27FC236}">
              <a16:creationId xmlns:a16="http://schemas.microsoft.com/office/drawing/2014/main" id="{00000000-0008-0000-0700-000024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6" name="前年度繰上充用金平均値テキスト">
          <a:extLst>
            <a:ext uri="{FF2B5EF4-FFF2-40B4-BE49-F238E27FC236}">
              <a16:creationId xmlns:a16="http://schemas.microsoft.com/office/drawing/2014/main" id="{00000000-0008-0000-0700-000026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7" name="フローチャート: 判断 806">
          <a:extLst>
            <a:ext uri="{FF2B5EF4-FFF2-40B4-BE49-F238E27FC236}">
              <a16:creationId xmlns:a16="http://schemas.microsoft.com/office/drawing/2014/main" id="{00000000-0008-0000-0700-000027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1" name="直線コネクタ 810">
          <a:extLst>
            <a:ext uri="{FF2B5EF4-FFF2-40B4-BE49-F238E27FC236}">
              <a16:creationId xmlns:a16="http://schemas.microsoft.com/office/drawing/2014/main" id="{00000000-0008-0000-0700-00002B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12" name="フローチャート: 判断 811">
          <a:extLst>
            <a:ext uri="{FF2B5EF4-FFF2-40B4-BE49-F238E27FC236}">
              <a16:creationId xmlns:a16="http://schemas.microsoft.com/office/drawing/2014/main" id="{00000000-0008-0000-0700-00002C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14" name="直線コネクタ 813">
          <a:extLst>
            <a:ext uri="{FF2B5EF4-FFF2-40B4-BE49-F238E27FC236}">
              <a16:creationId xmlns:a16="http://schemas.microsoft.com/office/drawing/2014/main" id="{00000000-0008-0000-0700-00002E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5" name="フローチャート: 判断 814">
          <a:extLst>
            <a:ext uri="{FF2B5EF4-FFF2-40B4-BE49-F238E27FC236}">
              <a16:creationId xmlns:a16="http://schemas.microsoft.com/office/drawing/2014/main" id="{00000000-0008-0000-0700-00002F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7" name="フローチャート: 判断 816">
          <a:extLst>
            <a:ext uri="{FF2B5EF4-FFF2-40B4-BE49-F238E27FC236}">
              <a16:creationId xmlns:a16="http://schemas.microsoft.com/office/drawing/2014/main" id="{00000000-0008-0000-0700-000031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9" name="テキスト ボックス 818">
          <a:extLst>
            <a:ext uri="{FF2B5EF4-FFF2-40B4-BE49-F238E27FC236}">
              <a16:creationId xmlns:a16="http://schemas.microsoft.com/office/drawing/2014/main" id="{00000000-0008-0000-0700-00003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5" name="前年度繰上充用金該当値テキスト">
          <a:extLst>
            <a:ext uri="{FF2B5EF4-FFF2-40B4-BE49-F238E27FC236}">
              <a16:creationId xmlns:a16="http://schemas.microsoft.com/office/drawing/2014/main" id="{00000000-0008-0000-0700-000039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8" name="楕円 827">
          <a:extLst>
            <a:ext uri="{FF2B5EF4-FFF2-40B4-BE49-F238E27FC236}">
              <a16:creationId xmlns:a16="http://schemas.microsoft.com/office/drawing/2014/main" id="{00000000-0008-0000-0700-00003C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9" name="テキスト ボックス 828">
          <a:extLst>
            <a:ext uri="{FF2B5EF4-FFF2-40B4-BE49-F238E27FC236}">
              <a16:creationId xmlns:a16="http://schemas.microsoft.com/office/drawing/2014/main" id="{00000000-0008-0000-0700-00003D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0" name="楕円 829">
          <a:extLst>
            <a:ext uri="{FF2B5EF4-FFF2-40B4-BE49-F238E27FC236}">
              <a16:creationId xmlns:a16="http://schemas.microsoft.com/office/drawing/2014/main" id="{00000000-0008-0000-0700-00003E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1" name="テキスト ボックス 830">
          <a:extLst>
            <a:ext uri="{FF2B5EF4-FFF2-40B4-BE49-F238E27FC236}">
              <a16:creationId xmlns:a16="http://schemas.microsoft.com/office/drawing/2014/main" id="{00000000-0008-0000-0700-00003F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32" name="楕円 831">
          <a:extLst>
            <a:ext uri="{FF2B5EF4-FFF2-40B4-BE49-F238E27FC236}">
              <a16:creationId xmlns:a16="http://schemas.microsoft.com/office/drawing/2014/main" id="{00000000-0008-0000-0700-000040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33" name="テキスト ボックス 832">
          <a:extLst>
            <a:ext uri="{FF2B5EF4-FFF2-40B4-BE49-F238E27FC236}">
              <a16:creationId xmlns:a16="http://schemas.microsoft.com/office/drawing/2014/main" id="{00000000-0008-0000-0700-000041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4" name="正方形/長方形 833">
          <a:extLst>
            <a:ext uri="{FF2B5EF4-FFF2-40B4-BE49-F238E27FC236}">
              <a16:creationId xmlns:a16="http://schemas.microsoft.com/office/drawing/2014/main" id="{00000000-0008-0000-0700-000042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5" name="正方形/長方形 834">
          <a:extLst>
            <a:ext uri="{FF2B5EF4-FFF2-40B4-BE49-F238E27FC236}">
              <a16:creationId xmlns:a16="http://schemas.microsoft.com/office/drawing/2014/main" id="{00000000-0008-0000-0700-000043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6" name="テキスト ボックス 835">
          <a:extLst>
            <a:ext uri="{FF2B5EF4-FFF2-40B4-BE49-F238E27FC236}">
              <a16:creationId xmlns:a16="http://schemas.microsoft.com/office/drawing/2014/main" id="{00000000-0008-0000-0700-000044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民生費は住民一人当たり</a:t>
          </a:r>
          <a:r>
            <a:rPr kumimoji="1" lang="en-US" altLang="ja-JP" sz="1300">
              <a:latin typeface="ＭＳ Ｐゴシック" panose="020B0600070205080204" pitchFamily="50" charset="-128"/>
              <a:ea typeface="ＭＳ Ｐゴシック" panose="020B0600070205080204" pitchFamily="50" charset="-128"/>
            </a:rPr>
            <a:t>228,999</a:t>
          </a:r>
          <a:r>
            <a:rPr kumimoji="1" lang="ja-JP" altLang="en-US" sz="1300">
              <a:latin typeface="ＭＳ Ｐゴシック" panose="020B0600070205080204" pitchFamily="50" charset="-128"/>
              <a:ea typeface="ＭＳ Ｐゴシック" panose="020B0600070205080204" pitchFamily="50" charset="-128"/>
            </a:rPr>
            <a:t>円で、幼児教育・保育無償化に伴う給付費の増や私立保育所の新規開設、障害者への自立支援給付費の増などにより、前年度と比較して</a:t>
          </a:r>
          <a:r>
            <a:rPr kumimoji="1" lang="en-US" altLang="ja-JP" sz="1300">
              <a:latin typeface="ＭＳ Ｐゴシック" panose="020B0600070205080204" pitchFamily="50" charset="-128"/>
              <a:ea typeface="ＭＳ Ｐゴシック" panose="020B0600070205080204" pitchFamily="50" charset="-128"/>
            </a:rPr>
            <a:t>2,252</a:t>
          </a:r>
          <a:r>
            <a:rPr kumimoji="1" lang="ja-JP" altLang="en-US" sz="1300">
              <a:latin typeface="ＭＳ Ｐゴシック" panose="020B0600070205080204" pitchFamily="50" charset="-128"/>
              <a:ea typeface="ＭＳ Ｐゴシック" panose="020B0600070205080204" pitchFamily="50" charset="-128"/>
            </a:rPr>
            <a:t>円の増となった。商工費は住民一人当たり</a:t>
          </a:r>
          <a:r>
            <a:rPr kumimoji="1" lang="en-US" altLang="ja-JP" sz="1300">
              <a:latin typeface="ＭＳ Ｐゴシック" panose="020B0600070205080204" pitchFamily="50" charset="-128"/>
              <a:ea typeface="ＭＳ Ｐゴシック" panose="020B0600070205080204" pitchFamily="50" charset="-128"/>
            </a:rPr>
            <a:t>7,256</a:t>
          </a:r>
          <a:r>
            <a:rPr kumimoji="1" lang="ja-JP" altLang="en-US" sz="1300">
              <a:latin typeface="ＭＳ Ｐゴシック" panose="020B0600070205080204" pitchFamily="50" charset="-128"/>
              <a:ea typeface="ＭＳ Ｐゴシック" panose="020B0600070205080204" pitchFamily="50" charset="-128"/>
            </a:rPr>
            <a:t>円で、プレミアム付商品券事業の実施などにより、前年度と比較して</a:t>
          </a:r>
          <a:r>
            <a:rPr kumimoji="1" lang="en-US" altLang="ja-JP" sz="1300">
              <a:latin typeface="ＭＳ Ｐゴシック" panose="020B0600070205080204" pitchFamily="50" charset="-128"/>
              <a:ea typeface="ＭＳ Ｐゴシック" panose="020B0600070205080204" pitchFamily="50" charset="-128"/>
            </a:rPr>
            <a:t>1,224</a:t>
          </a:r>
          <a:r>
            <a:rPr kumimoji="1" lang="ja-JP" altLang="en-US" sz="1300">
              <a:latin typeface="ＭＳ Ｐゴシック" panose="020B0600070205080204" pitchFamily="50" charset="-128"/>
              <a:ea typeface="ＭＳ Ｐゴシック" panose="020B0600070205080204" pitchFamily="50" charset="-128"/>
            </a:rPr>
            <a:t>円の増となった。土木費は住民一人当たり</a:t>
          </a:r>
          <a:r>
            <a:rPr kumimoji="1" lang="en-US" altLang="ja-JP" sz="1300">
              <a:latin typeface="ＭＳ Ｐゴシック" panose="020B0600070205080204" pitchFamily="50" charset="-128"/>
              <a:ea typeface="ＭＳ Ｐゴシック" panose="020B0600070205080204" pitchFamily="50" charset="-128"/>
            </a:rPr>
            <a:t>35,467</a:t>
          </a:r>
          <a:r>
            <a:rPr kumimoji="1" lang="ja-JP" altLang="en-US" sz="1300">
              <a:latin typeface="ＭＳ Ｐゴシック" panose="020B0600070205080204" pitchFamily="50" charset="-128"/>
              <a:ea typeface="ＭＳ Ｐゴシック" panose="020B0600070205080204" pitchFamily="50" charset="-128"/>
            </a:rPr>
            <a:t>円で、道路改良工事や西新宿五丁目北地区の防災街区整備事業助成などにより、前年度と比較して</a:t>
          </a:r>
          <a:r>
            <a:rPr kumimoji="1" lang="en-US" altLang="ja-JP" sz="1300">
              <a:latin typeface="ＭＳ Ｐゴシック" panose="020B0600070205080204" pitchFamily="50" charset="-128"/>
              <a:ea typeface="ＭＳ Ｐゴシック" panose="020B0600070205080204" pitchFamily="50" charset="-128"/>
            </a:rPr>
            <a:t>5,632</a:t>
          </a:r>
          <a:r>
            <a:rPr kumimoji="1" lang="ja-JP" altLang="en-US" sz="1300">
              <a:latin typeface="ＭＳ Ｐゴシック" panose="020B0600070205080204" pitchFamily="50" charset="-128"/>
              <a:ea typeface="ＭＳ Ｐゴシック" panose="020B0600070205080204" pitchFamily="50" charset="-128"/>
            </a:rPr>
            <a:t>円の増となった。なお、災害復旧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に発生した台風</a:t>
          </a:r>
          <a:r>
            <a:rPr kumimoji="1" lang="en-US" altLang="ja-JP" sz="1300">
              <a:latin typeface="ＭＳ Ｐゴシック" panose="020B0600070205080204" pitchFamily="50" charset="-128"/>
              <a:ea typeface="ＭＳ Ｐゴシック" panose="020B0600070205080204" pitchFamily="50" charset="-128"/>
            </a:rPr>
            <a:t>24</a:t>
          </a:r>
          <a:r>
            <a:rPr kumimoji="1" lang="ja-JP" altLang="en-US" sz="1300">
              <a:latin typeface="ＭＳ Ｐゴシック" panose="020B0600070205080204" pitchFamily="50" charset="-128"/>
              <a:ea typeface="ＭＳ Ｐゴシック" panose="020B0600070205080204" pitchFamily="50" charset="-128"/>
            </a:rPr>
            <a:t>号の影響で損壊した防球ネットの整備終了により、皆減と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新宿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特別区税の増などにより、実質単年度収支は</a:t>
          </a:r>
          <a:r>
            <a:rPr kumimoji="1" lang="en-US" altLang="ja-JP" sz="1400">
              <a:latin typeface="ＭＳ ゴシック" pitchFamily="49" charset="-128"/>
              <a:ea typeface="ＭＳ ゴシック" pitchFamily="49" charset="-128"/>
            </a:rPr>
            <a:t>7</a:t>
          </a:r>
          <a:r>
            <a:rPr kumimoji="1" lang="ja-JP" altLang="en-US" sz="1400">
              <a:latin typeface="ＭＳ ゴシック" pitchFamily="49" charset="-128"/>
              <a:ea typeface="ＭＳ ゴシック" pitchFamily="49" charset="-128"/>
            </a:rPr>
            <a:t>年連続で黒字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また、標準財政規模に占める財政調整基金残高の割合は、平成</a:t>
          </a:r>
          <a:r>
            <a:rPr kumimoji="1" lang="en-US" altLang="ja-JP" sz="1400">
              <a:latin typeface="ＭＳ ゴシック" pitchFamily="49" charset="-128"/>
              <a:ea typeface="ＭＳ ゴシック" pitchFamily="49" charset="-128"/>
            </a:rPr>
            <a:t>27</a:t>
          </a:r>
          <a:r>
            <a:rPr kumimoji="1" lang="ja-JP" altLang="en-US" sz="1400">
              <a:latin typeface="ＭＳ ゴシック" pitchFamily="49" charset="-128"/>
              <a:ea typeface="ＭＳ ゴシック" pitchFamily="49" charset="-128"/>
            </a:rPr>
            <a:t>年度以降増加している。引き続き、将来にわたり持続可能な財政運営に努め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元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新宿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標準財政規模に対する一般会計及び特別会計を連結した実質赤字の割合を示す連結実質赤字比率は、連結実質収支が黒字となったため、算出されていな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a:extLst>
            <a:ext uri="{FF2B5EF4-FFF2-40B4-BE49-F238E27FC236}">
              <a16:creationId xmlns:a16="http://schemas.microsoft.com/office/drawing/2014/main" id="{00000000-0008-0000-0900-000010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a:extLst>
            <a:ext uri="{FF2B5EF4-FFF2-40B4-BE49-F238E27FC236}">
              <a16:creationId xmlns:a16="http://schemas.microsoft.com/office/drawing/2014/main" id="{00000000-0008-0000-0900-000011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

</Relationships>

</file>

<file path=xl/worksheets/_rels/sheet10.xml.rels><?xml version="1.0" encoding="UTF-8" standalone="yes"?>

<Relationships xmlns="http://schemas.openxmlformats.org/package/2006/relationships">
<Relationship Id="rId2" Type="http://schemas.openxmlformats.org/officeDocument/2006/relationships/drawing" Target="../drawings/drawing9.xml"/>

</Relationships>

</file>

<file path=xl/worksheets/_rels/sheet11.xml.rels><?xml version="1.0" encoding="UTF-8" standalone="yes"?>

<Relationships xmlns="http://schemas.openxmlformats.org/package/2006/relationships">
<Relationship Id="rId2" Type="http://schemas.openxmlformats.org/officeDocument/2006/relationships/drawing" Target="../drawings/drawing10.xml"/>

</Relationships>

</file>

<file path=xl/worksheets/_rels/sheet12.xml.rels><?xml version="1.0" encoding="UTF-8" standalone="yes"?>

<Relationships xmlns="http://schemas.openxmlformats.org/package/2006/relationships">
<Relationship Id="rId2" Type="http://schemas.openxmlformats.org/officeDocument/2006/relationships/drawing" Target="../drawings/drawing11.xml"/>

</Relationships>

</file>

<file path=xl/worksheets/_rels/sheet13.xml.rels><?xml version="1.0" encoding="UTF-8" standalone="yes"?>

<Relationships xmlns="http://schemas.openxmlformats.org/package/2006/relationships">
<Relationship Id="rId2" Type="http://schemas.openxmlformats.org/officeDocument/2006/relationships/drawing" Target="../drawings/drawing12.xml"/>

</Relationships>

</file>

<file path=xl/worksheets/_rels/sheet14.xml.rels><?xml version="1.0" encoding="UTF-8" standalone="yes"?>

<Relationships xmlns="http://schemas.openxmlformats.org/package/2006/relationships">
<Relationship Id="rId2" Type="http://schemas.openxmlformats.org/officeDocument/2006/relationships/drawing" Target="../drawings/drawing13.xml"/>

</Relationships>

</file>

<file path=xl/worksheets/_rels/sheet15.xml.rels><?xml version="1.0" encoding="UTF-8" standalone="yes"?>

<Relationships xmlns="http://schemas.openxmlformats.org/package/2006/relationships">
<Relationship Id="rId2" Type="http://schemas.openxmlformats.org/officeDocument/2006/relationships/drawing" Target="../drawings/drawing14.xml"/>

</Relationships>

</file>

<file path=xl/worksheets/_rels/sheet16.xml.rels><?xml version="1.0" encoding="UTF-8" standalone="yes"?>

<Relationships xmlns="http://schemas.openxmlformats.org/package/2006/relationships">
<Relationship Id="rId2" Type="http://schemas.openxmlformats.org/officeDocument/2006/relationships/drawing" Target="../drawings/drawing15.xml"/>

</Relationships>

</file>

<file path=xl/worksheets/_rels/sheet17.xml.rels><?xml version="1.0" encoding="UTF-8" standalone="yes"?>

<Relationships xmlns="http://schemas.openxmlformats.org/package/2006/relationships">

</Relationships>

</file>

<file path=xl/worksheets/_rels/sheet2.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3.xml.rels><?xml version="1.0" encoding="UTF-8" standalone="yes"?>

<Relationships xmlns="http://schemas.openxmlformats.org/package/2006/relationships">

</Relationships>

</file>

<file path=xl/worksheets/_rels/sheet4.xml.rels><?xml version="1.0" encoding="UTF-8" standalone="yes"?>

<Relationships xmlns="http://schemas.openxmlformats.org/package/2006/relationships">
<Relationship Id="rId2" Type="http://schemas.openxmlformats.org/officeDocument/2006/relationships/drawing" Target="../drawings/drawing2.xml"/>

</Relationships>

</file>

<file path=xl/worksheets/_rels/sheet5.xml.rels><?xml version="1.0" encoding="UTF-8" standalone="yes"?>

<Relationships xmlns="http://schemas.openxmlformats.org/package/2006/relationships">
<Relationship Id="rId2" Type="http://schemas.openxmlformats.org/officeDocument/2006/relationships/drawing" Target="../drawings/drawing3.xml"/>

</Relationships>

</file>

<file path=xl/worksheets/_rels/sheet6.xml.rels><?xml version="1.0" encoding="UTF-8" standalone="yes"?>

<Relationships xmlns="http://schemas.openxmlformats.org/package/2006/relationships">
<Relationship Id="rId2" Type="http://schemas.openxmlformats.org/officeDocument/2006/relationships/drawing" Target="../drawings/drawing4.xml"/>

</Relationships>

</file>

<file path=xl/worksheets/_rels/sheet7.xml.rels><?xml version="1.0" encoding="UTF-8" standalone="yes"?>

<Relationships xmlns="http://schemas.openxmlformats.org/package/2006/relationships">
<Relationship Id="rId2" Type="http://schemas.openxmlformats.org/officeDocument/2006/relationships/drawing" Target="../drawings/drawing6.xml"/>

</Relationships>

</file>

<file path=xl/worksheets/_rels/sheet8.xml.rels><?xml version="1.0" encoding="UTF-8" standalone="yes"?>

<Relationships xmlns="http://schemas.openxmlformats.org/package/2006/relationships">
<Relationship Id="rId2" Type="http://schemas.openxmlformats.org/officeDocument/2006/relationships/drawing" Target="../drawings/drawing7.xml"/>

</Relationships>

</file>

<file path=xl/worksheets/_rels/sheet9.xml.rels><?xml version="1.0" encoding="UTF-8" standalone="yes"?>

<Relationships xmlns="http://schemas.openxmlformats.org/package/2006/relationships">
<Relationship Id="rId2" Type="http://schemas.openxmlformats.org/officeDocument/2006/relationships/drawing" Target="../drawings/drawing8.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85" zoomScaleNormal="85" workbookViewId="0">
      <selection activeCell="AU13" sqref="AU13:AX13"/>
    </sheetView>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39" t="s">
        <v>
80</v>
      </c>
      <c r="C1" s="439"/>
      <c r="D1" s="439"/>
      <c r="E1" s="439"/>
      <c r="F1" s="439"/>
      <c r="G1" s="439"/>
      <c r="H1" s="439"/>
      <c r="I1" s="439"/>
      <c r="J1" s="439"/>
      <c r="K1" s="439"/>
      <c r="L1" s="439"/>
      <c r="M1" s="439"/>
      <c r="N1" s="439"/>
      <c r="O1" s="439"/>
      <c r="P1" s="439"/>
      <c r="Q1" s="439"/>
      <c r="R1" s="439"/>
      <c r="S1" s="439"/>
      <c r="T1" s="439"/>
      <c r="U1" s="439"/>
      <c r="V1" s="439"/>
      <c r="W1" s="439"/>
      <c r="X1" s="439"/>
      <c r="Y1" s="439"/>
      <c r="Z1" s="439"/>
      <c r="AA1" s="439"/>
      <c r="AB1" s="439"/>
      <c r="AC1" s="439"/>
      <c r="AD1" s="439"/>
      <c r="AE1" s="439"/>
      <c r="AF1" s="439"/>
      <c r="AG1" s="439"/>
      <c r="AH1" s="439"/>
      <c r="AI1" s="439"/>
      <c r="AJ1" s="439"/>
      <c r="AK1" s="439"/>
      <c r="AL1" s="439"/>
      <c r="AM1" s="439"/>
      <c r="AN1" s="439"/>
      <c r="AO1" s="439"/>
      <c r="AP1" s="439"/>
      <c r="AQ1" s="439"/>
      <c r="AR1" s="439"/>
      <c r="AS1" s="439"/>
      <c r="AT1" s="439"/>
      <c r="AU1" s="439"/>
      <c r="AV1" s="439"/>
      <c r="AW1" s="439"/>
      <c r="AX1" s="439"/>
      <c r="AY1" s="439"/>
      <c r="AZ1" s="439"/>
      <c r="BA1" s="439"/>
      <c r="BB1" s="439"/>
      <c r="BC1" s="439"/>
      <c r="BD1" s="439"/>
      <c r="BE1" s="439"/>
      <c r="BF1" s="439"/>
      <c r="BG1" s="439"/>
      <c r="BH1" s="439"/>
      <c r="BI1" s="439"/>
      <c r="BJ1" s="439"/>
      <c r="BK1" s="439"/>
      <c r="BL1" s="439"/>
      <c r="BM1" s="439"/>
      <c r="BN1" s="439"/>
      <c r="BO1" s="439"/>
      <c r="BP1" s="439"/>
      <c r="BQ1" s="439"/>
      <c r="BR1" s="439"/>
      <c r="BS1" s="439"/>
      <c r="BT1" s="439"/>
      <c r="BU1" s="439"/>
      <c r="BV1" s="439"/>
      <c r="BW1" s="439"/>
      <c r="BX1" s="439"/>
      <c r="BY1" s="439"/>
      <c r="BZ1" s="439"/>
      <c r="CA1" s="439"/>
      <c r="CB1" s="439"/>
      <c r="CC1" s="439"/>
      <c r="CD1" s="439"/>
      <c r="CE1" s="439"/>
      <c r="CF1" s="439"/>
      <c r="CG1" s="439"/>
      <c r="CH1" s="439"/>
      <c r="CI1" s="439"/>
      <c r="CJ1" s="439"/>
      <c r="CK1" s="439"/>
      <c r="CL1" s="439"/>
      <c r="CM1" s="439"/>
      <c r="CN1" s="439"/>
      <c r="CO1" s="439"/>
      <c r="CP1" s="439"/>
      <c r="CQ1" s="439"/>
      <c r="CR1" s="439"/>
      <c r="CS1" s="439"/>
      <c r="CT1" s="439"/>
      <c r="CU1" s="439"/>
      <c r="CV1" s="439"/>
      <c r="CW1" s="439"/>
      <c r="CX1" s="439"/>
      <c r="CY1" s="439"/>
      <c r="CZ1" s="439"/>
      <c r="DA1" s="439"/>
      <c r="DB1" s="439"/>
      <c r="DC1" s="439"/>
      <c r="DD1" s="439"/>
      <c r="DE1" s="439"/>
      <c r="DF1" s="439"/>
      <c r="DG1" s="439"/>
      <c r="DH1" s="439"/>
      <c r="DI1" s="439"/>
      <c r="DJ1" s="187"/>
      <c r="DK1" s="187"/>
      <c r="DL1" s="187"/>
      <c r="DM1" s="187"/>
      <c r="DN1" s="187"/>
      <c r="DO1" s="187"/>
    </row>
    <row r="2" spans="1:119" ht="24" thickBot="1" x14ac:dyDescent="0.25">
      <c r="A2" s="186"/>
      <c r="B2" s="189" t="s">
        <v>
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0" t="s">
        <v>
82</v>
      </c>
      <c r="C3" s="441"/>
      <c r="D3" s="441"/>
      <c r="E3" s="442"/>
      <c r="F3" s="442"/>
      <c r="G3" s="442"/>
      <c r="H3" s="442"/>
      <c r="I3" s="442"/>
      <c r="J3" s="442"/>
      <c r="K3" s="442"/>
      <c r="L3" s="442" t="s">
        <v>
83</v>
      </c>
      <c r="M3" s="442"/>
      <c r="N3" s="442"/>
      <c r="O3" s="442"/>
      <c r="P3" s="442"/>
      <c r="Q3" s="442"/>
      <c r="R3" s="449"/>
      <c r="S3" s="449"/>
      <c r="T3" s="449"/>
      <c r="U3" s="449"/>
      <c r="V3" s="450"/>
      <c r="W3" s="424" t="s">
        <v>
84</v>
      </c>
      <c r="X3" s="425"/>
      <c r="Y3" s="425"/>
      <c r="Z3" s="425"/>
      <c r="AA3" s="425"/>
      <c r="AB3" s="441"/>
      <c r="AC3" s="449" t="s">
        <v>
85</v>
      </c>
      <c r="AD3" s="425"/>
      <c r="AE3" s="425"/>
      <c r="AF3" s="425"/>
      <c r="AG3" s="425"/>
      <c r="AH3" s="425"/>
      <c r="AI3" s="425"/>
      <c r="AJ3" s="425"/>
      <c r="AK3" s="425"/>
      <c r="AL3" s="426"/>
      <c r="AM3" s="424" t="s">
        <v>
86</v>
      </c>
      <c r="AN3" s="425"/>
      <c r="AO3" s="425"/>
      <c r="AP3" s="425"/>
      <c r="AQ3" s="425"/>
      <c r="AR3" s="425"/>
      <c r="AS3" s="425"/>
      <c r="AT3" s="425"/>
      <c r="AU3" s="425"/>
      <c r="AV3" s="425"/>
      <c r="AW3" s="425"/>
      <c r="AX3" s="426"/>
      <c r="AY3" s="461" t="s">
        <v>
1</v>
      </c>
      <c r="AZ3" s="462"/>
      <c r="BA3" s="462"/>
      <c r="BB3" s="462"/>
      <c r="BC3" s="462"/>
      <c r="BD3" s="462"/>
      <c r="BE3" s="462"/>
      <c r="BF3" s="462"/>
      <c r="BG3" s="462"/>
      <c r="BH3" s="462"/>
      <c r="BI3" s="462"/>
      <c r="BJ3" s="462"/>
      <c r="BK3" s="462"/>
      <c r="BL3" s="462"/>
      <c r="BM3" s="463"/>
      <c r="BN3" s="424" t="s">
        <v>
87</v>
      </c>
      <c r="BO3" s="425"/>
      <c r="BP3" s="425"/>
      <c r="BQ3" s="425"/>
      <c r="BR3" s="425"/>
      <c r="BS3" s="425"/>
      <c r="BT3" s="425"/>
      <c r="BU3" s="426"/>
      <c r="BV3" s="424" t="s">
        <v>
88</v>
      </c>
      <c r="BW3" s="425"/>
      <c r="BX3" s="425"/>
      <c r="BY3" s="425"/>
      <c r="BZ3" s="425"/>
      <c r="CA3" s="425"/>
      <c r="CB3" s="425"/>
      <c r="CC3" s="426"/>
      <c r="CD3" s="461" t="s">
        <v>
1</v>
      </c>
      <c r="CE3" s="462"/>
      <c r="CF3" s="462"/>
      <c r="CG3" s="462"/>
      <c r="CH3" s="462"/>
      <c r="CI3" s="462"/>
      <c r="CJ3" s="462"/>
      <c r="CK3" s="462"/>
      <c r="CL3" s="462"/>
      <c r="CM3" s="462"/>
      <c r="CN3" s="462"/>
      <c r="CO3" s="462"/>
      <c r="CP3" s="462"/>
      <c r="CQ3" s="462"/>
      <c r="CR3" s="462"/>
      <c r="CS3" s="463"/>
      <c r="CT3" s="424" t="s">
        <v>
89</v>
      </c>
      <c r="CU3" s="425"/>
      <c r="CV3" s="425"/>
      <c r="CW3" s="425"/>
      <c r="CX3" s="425"/>
      <c r="CY3" s="425"/>
      <c r="CZ3" s="425"/>
      <c r="DA3" s="426"/>
      <c r="DB3" s="424" t="s">
        <v>
90</v>
      </c>
      <c r="DC3" s="425"/>
      <c r="DD3" s="425"/>
      <c r="DE3" s="425"/>
      <c r="DF3" s="425"/>
      <c r="DG3" s="425"/>
      <c r="DH3" s="425"/>
      <c r="DI3" s="426"/>
      <c r="DJ3" s="186"/>
      <c r="DK3" s="186"/>
      <c r="DL3" s="186"/>
      <c r="DM3" s="186"/>
      <c r="DN3" s="186"/>
      <c r="DO3" s="186"/>
    </row>
    <row r="4" spans="1:119" ht="18.75" customHeight="1" x14ac:dyDescent="0.2">
      <c r="A4" s="187"/>
      <c r="B4" s="443"/>
      <c r="C4" s="444"/>
      <c r="D4" s="444"/>
      <c r="E4" s="445"/>
      <c r="F4" s="445"/>
      <c r="G4" s="445"/>
      <c r="H4" s="445"/>
      <c r="I4" s="445"/>
      <c r="J4" s="445"/>
      <c r="K4" s="445"/>
      <c r="L4" s="445"/>
      <c r="M4" s="445"/>
      <c r="N4" s="445"/>
      <c r="O4" s="445"/>
      <c r="P4" s="445"/>
      <c r="Q4" s="445"/>
      <c r="R4" s="451"/>
      <c r="S4" s="451"/>
      <c r="T4" s="451"/>
      <c r="U4" s="451"/>
      <c r="V4" s="452"/>
      <c r="W4" s="455"/>
      <c r="X4" s="456"/>
      <c r="Y4" s="456"/>
      <c r="Z4" s="456"/>
      <c r="AA4" s="456"/>
      <c r="AB4" s="444"/>
      <c r="AC4" s="451"/>
      <c r="AD4" s="456"/>
      <c r="AE4" s="456"/>
      <c r="AF4" s="456"/>
      <c r="AG4" s="456"/>
      <c r="AH4" s="456"/>
      <c r="AI4" s="456"/>
      <c r="AJ4" s="456"/>
      <c r="AK4" s="456"/>
      <c r="AL4" s="459"/>
      <c r="AM4" s="457"/>
      <c r="AN4" s="458"/>
      <c r="AO4" s="458"/>
      <c r="AP4" s="458"/>
      <c r="AQ4" s="458"/>
      <c r="AR4" s="458"/>
      <c r="AS4" s="458"/>
      <c r="AT4" s="458"/>
      <c r="AU4" s="458"/>
      <c r="AV4" s="458"/>
      <c r="AW4" s="458"/>
      <c r="AX4" s="460"/>
      <c r="AY4" s="427" t="s">
        <v>
91</v>
      </c>
      <c r="AZ4" s="428"/>
      <c r="BA4" s="428"/>
      <c r="BB4" s="428"/>
      <c r="BC4" s="428"/>
      <c r="BD4" s="428"/>
      <c r="BE4" s="428"/>
      <c r="BF4" s="428"/>
      <c r="BG4" s="428"/>
      <c r="BH4" s="428"/>
      <c r="BI4" s="428"/>
      <c r="BJ4" s="428"/>
      <c r="BK4" s="428"/>
      <c r="BL4" s="428"/>
      <c r="BM4" s="429"/>
      <c r="BN4" s="430">
        <v>
149717407</v>
      </c>
      <c r="BO4" s="431"/>
      <c r="BP4" s="431"/>
      <c r="BQ4" s="431"/>
      <c r="BR4" s="431"/>
      <c r="BS4" s="431"/>
      <c r="BT4" s="431"/>
      <c r="BU4" s="432"/>
      <c r="BV4" s="430">
        <v>
146455342</v>
      </c>
      <c r="BW4" s="431"/>
      <c r="BX4" s="431"/>
      <c r="BY4" s="431"/>
      <c r="BZ4" s="431"/>
      <c r="CA4" s="431"/>
      <c r="CB4" s="431"/>
      <c r="CC4" s="432"/>
      <c r="CD4" s="433" t="s">
        <v>
92</v>
      </c>
      <c r="CE4" s="434"/>
      <c r="CF4" s="434"/>
      <c r="CG4" s="434"/>
      <c r="CH4" s="434"/>
      <c r="CI4" s="434"/>
      <c r="CJ4" s="434"/>
      <c r="CK4" s="434"/>
      <c r="CL4" s="434"/>
      <c r="CM4" s="434"/>
      <c r="CN4" s="434"/>
      <c r="CO4" s="434"/>
      <c r="CP4" s="434"/>
      <c r="CQ4" s="434"/>
      <c r="CR4" s="434"/>
      <c r="CS4" s="435"/>
      <c r="CT4" s="436">
        <v>
3.8</v>
      </c>
      <c r="CU4" s="437"/>
      <c r="CV4" s="437"/>
      <c r="CW4" s="437"/>
      <c r="CX4" s="437"/>
      <c r="CY4" s="437"/>
      <c r="CZ4" s="437"/>
      <c r="DA4" s="438"/>
      <c r="DB4" s="436">
        <v>
4.5</v>
      </c>
      <c r="DC4" s="437"/>
      <c r="DD4" s="437"/>
      <c r="DE4" s="437"/>
      <c r="DF4" s="437"/>
      <c r="DG4" s="437"/>
      <c r="DH4" s="437"/>
      <c r="DI4" s="438"/>
      <c r="DJ4" s="186"/>
      <c r="DK4" s="186"/>
      <c r="DL4" s="186"/>
      <c r="DM4" s="186"/>
      <c r="DN4" s="186"/>
      <c r="DO4" s="186"/>
    </row>
    <row r="5" spans="1:119" ht="18.75" customHeight="1" x14ac:dyDescent="0.2">
      <c r="A5" s="187"/>
      <c r="B5" s="446"/>
      <c r="C5" s="447"/>
      <c r="D5" s="447"/>
      <c r="E5" s="448"/>
      <c r="F5" s="448"/>
      <c r="G5" s="448"/>
      <c r="H5" s="448"/>
      <c r="I5" s="448"/>
      <c r="J5" s="448"/>
      <c r="K5" s="448"/>
      <c r="L5" s="448"/>
      <c r="M5" s="448"/>
      <c r="N5" s="448"/>
      <c r="O5" s="448"/>
      <c r="P5" s="448"/>
      <c r="Q5" s="448"/>
      <c r="R5" s="453"/>
      <c r="S5" s="453"/>
      <c r="T5" s="453"/>
      <c r="U5" s="453"/>
      <c r="V5" s="454"/>
      <c r="W5" s="457"/>
      <c r="X5" s="458"/>
      <c r="Y5" s="458"/>
      <c r="Z5" s="458"/>
      <c r="AA5" s="458"/>
      <c r="AB5" s="447"/>
      <c r="AC5" s="453"/>
      <c r="AD5" s="458"/>
      <c r="AE5" s="458"/>
      <c r="AF5" s="458"/>
      <c r="AG5" s="458"/>
      <c r="AH5" s="458"/>
      <c r="AI5" s="458"/>
      <c r="AJ5" s="458"/>
      <c r="AK5" s="458"/>
      <c r="AL5" s="460"/>
      <c r="AM5" s="496" t="s">
        <v>
93</v>
      </c>
      <c r="AN5" s="497"/>
      <c r="AO5" s="497"/>
      <c r="AP5" s="497"/>
      <c r="AQ5" s="497"/>
      <c r="AR5" s="497"/>
      <c r="AS5" s="497"/>
      <c r="AT5" s="498"/>
      <c r="AU5" s="499" t="s">
        <v>
94</v>
      </c>
      <c r="AV5" s="500"/>
      <c r="AW5" s="500"/>
      <c r="AX5" s="500"/>
      <c r="AY5" s="501" t="s">
        <v>
95</v>
      </c>
      <c r="AZ5" s="502"/>
      <c r="BA5" s="502"/>
      <c r="BB5" s="502"/>
      <c r="BC5" s="502"/>
      <c r="BD5" s="502"/>
      <c r="BE5" s="502"/>
      <c r="BF5" s="502"/>
      <c r="BG5" s="502"/>
      <c r="BH5" s="502"/>
      <c r="BI5" s="502"/>
      <c r="BJ5" s="502"/>
      <c r="BK5" s="502"/>
      <c r="BL5" s="502"/>
      <c r="BM5" s="503"/>
      <c r="BN5" s="467">
        <v>
146142692</v>
      </c>
      <c r="BO5" s="468"/>
      <c r="BP5" s="468"/>
      <c r="BQ5" s="468"/>
      <c r="BR5" s="468"/>
      <c r="BS5" s="468"/>
      <c r="BT5" s="468"/>
      <c r="BU5" s="469"/>
      <c r="BV5" s="467">
        <v>
141875163</v>
      </c>
      <c r="BW5" s="468"/>
      <c r="BX5" s="468"/>
      <c r="BY5" s="468"/>
      <c r="BZ5" s="468"/>
      <c r="CA5" s="468"/>
      <c r="CB5" s="468"/>
      <c r="CC5" s="469"/>
      <c r="CD5" s="470" t="s">
        <v>
96</v>
      </c>
      <c r="CE5" s="471"/>
      <c r="CF5" s="471"/>
      <c r="CG5" s="471"/>
      <c r="CH5" s="471"/>
      <c r="CI5" s="471"/>
      <c r="CJ5" s="471"/>
      <c r="CK5" s="471"/>
      <c r="CL5" s="471"/>
      <c r="CM5" s="471"/>
      <c r="CN5" s="471"/>
      <c r="CO5" s="471"/>
      <c r="CP5" s="471"/>
      <c r="CQ5" s="471"/>
      <c r="CR5" s="471"/>
      <c r="CS5" s="472"/>
      <c r="CT5" s="464">
        <v>
81.5</v>
      </c>
      <c r="CU5" s="465"/>
      <c r="CV5" s="465"/>
      <c r="CW5" s="465"/>
      <c r="CX5" s="465"/>
      <c r="CY5" s="465"/>
      <c r="CZ5" s="465"/>
      <c r="DA5" s="466"/>
      <c r="DB5" s="464">
        <v>
80.8</v>
      </c>
      <c r="DC5" s="465"/>
      <c r="DD5" s="465"/>
      <c r="DE5" s="465"/>
      <c r="DF5" s="465"/>
      <c r="DG5" s="465"/>
      <c r="DH5" s="465"/>
      <c r="DI5" s="466"/>
      <c r="DJ5" s="186"/>
      <c r="DK5" s="186"/>
      <c r="DL5" s="186"/>
      <c r="DM5" s="186"/>
      <c r="DN5" s="186"/>
      <c r="DO5" s="186"/>
    </row>
    <row r="6" spans="1:119" ht="18.75" customHeight="1" x14ac:dyDescent="0.2">
      <c r="A6" s="187"/>
      <c r="B6" s="473" t="s">
        <v>
97</v>
      </c>
      <c r="C6" s="474"/>
      <c r="D6" s="474"/>
      <c r="E6" s="475"/>
      <c r="F6" s="475"/>
      <c r="G6" s="475"/>
      <c r="H6" s="475"/>
      <c r="I6" s="475"/>
      <c r="J6" s="475"/>
      <c r="K6" s="475"/>
      <c r="L6" s="475" t="s">
        <v>
98</v>
      </c>
      <c r="M6" s="475"/>
      <c r="N6" s="475"/>
      <c r="O6" s="475"/>
      <c r="P6" s="475"/>
      <c r="Q6" s="475"/>
      <c r="R6" s="479"/>
      <c r="S6" s="479"/>
      <c r="T6" s="479"/>
      <c r="U6" s="479"/>
      <c r="V6" s="480"/>
      <c r="W6" s="483" t="s">
        <v>
99</v>
      </c>
      <c r="X6" s="484"/>
      <c r="Y6" s="484"/>
      <c r="Z6" s="484"/>
      <c r="AA6" s="484"/>
      <c r="AB6" s="474"/>
      <c r="AC6" s="487" t="s">
        <v>
100</v>
      </c>
      <c r="AD6" s="488"/>
      <c r="AE6" s="488"/>
      <c r="AF6" s="488"/>
      <c r="AG6" s="488"/>
      <c r="AH6" s="488"/>
      <c r="AI6" s="488"/>
      <c r="AJ6" s="488"/>
      <c r="AK6" s="488"/>
      <c r="AL6" s="489"/>
      <c r="AM6" s="496" t="s">
        <v>
101</v>
      </c>
      <c r="AN6" s="497"/>
      <c r="AO6" s="497"/>
      <c r="AP6" s="497"/>
      <c r="AQ6" s="497"/>
      <c r="AR6" s="497"/>
      <c r="AS6" s="497"/>
      <c r="AT6" s="498"/>
      <c r="AU6" s="499" t="s">
        <v>
102</v>
      </c>
      <c r="AV6" s="500"/>
      <c r="AW6" s="500"/>
      <c r="AX6" s="500"/>
      <c r="AY6" s="501" t="s">
        <v>
103</v>
      </c>
      <c r="AZ6" s="502"/>
      <c r="BA6" s="502"/>
      <c r="BB6" s="502"/>
      <c r="BC6" s="502"/>
      <c r="BD6" s="502"/>
      <c r="BE6" s="502"/>
      <c r="BF6" s="502"/>
      <c r="BG6" s="502"/>
      <c r="BH6" s="502"/>
      <c r="BI6" s="502"/>
      <c r="BJ6" s="502"/>
      <c r="BK6" s="502"/>
      <c r="BL6" s="502"/>
      <c r="BM6" s="503"/>
      <c r="BN6" s="467">
        <v>
3574715</v>
      </c>
      <c r="BO6" s="468"/>
      <c r="BP6" s="468"/>
      <c r="BQ6" s="468"/>
      <c r="BR6" s="468"/>
      <c r="BS6" s="468"/>
      <c r="BT6" s="468"/>
      <c r="BU6" s="469"/>
      <c r="BV6" s="467">
        <v>
4580179</v>
      </c>
      <c r="BW6" s="468"/>
      <c r="BX6" s="468"/>
      <c r="BY6" s="468"/>
      <c r="BZ6" s="468"/>
      <c r="CA6" s="468"/>
      <c r="CB6" s="468"/>
      <c r="CC6" s="469"/>
      <c r="CD6" s="470" t="s">
        <v>
104</v>
      </c>
      <c r="CE6" s="471"/>
      <c r="CF6" s="471"/>
      <c r="CG6" s="471"/>
      <c r="CH6" s="471"/>
      <c r="CI6" s="471"/>
      <c r="CJ6" s="471"/>
      <c r="CK6" s="471"/>
      <c r="CL6" s="471"/>
      <c r="CM6" s="471"/>
      <c r="CN6" s="471"/>
      <c r="CO6" s="471"/>
      <c r="CP6" s="471"/>
      <c r="CQ6" s="471"/>
      <c r="CR6" s="471"/>
      <c r="CS6" s="472"/>
      <c r="CT6" s="504">
        <v>
81.5</v>
      </c>
      <c r="CU6" s="505"/>
      <c r="CV6" s="505"/>
      <c r="CW6" s="505"/>
      <c r="CX6" s="505"/>
      <c r="CY6" s="505"/>
      <c r="CZ6" s="505"/>
      <c r="DA6" s="506"/>
      <c r="DB6" s="504">
        <v>
80.8</v>
      </c>
      <c r="DC6" s="505"/>
      <c r="DD6" s="505"/>
      <c r="DE6" s="505"/>
      <c r="DF6" s="505"/>
      <c r="DG6" s="505"/>
      <c r="DH6" s="505"/>
      <c r="DI6" s="506"/>
      <c r="DJ6" s="186"/>
      <c r="DK6" s="186"/>
      <c r="DL6" s="186"/>
      <c r="DM6" s="186"/>
      <c r="DN6" s="186"/>
      <c r="DO6" s="186"/>
    </row>
    <row r="7" spans="1:119" ht="18.75" customHeight="1" x14ac:dyDescent="0.2">
      <c r="A7" s="187"/>
      <c r="B7" s="443"/>
      <c r="C7" s="444"/>
      <c r="D7" s="444"/>
      <c r="E7" s="445"/>
      <c r="F7" s="445"/>
      <c r="G7" s="445"/>
      <c r="H7" s="445"/>
      <c r="I7" s="445"/>
      <c r="J7" s="445"/>
      <c r="K7" s="445"/>
      <c r="L7" s="445"/>
      <c r="M7" s="445"/>
      <c r="N7" s="445"/>
      <c r="O7" s="445"/>
      <c r="P7" s="445"/>
      <c r="Q7" s="445"/>
      <c r="R7" s="451"/>
      <c r="S7" s="451"/>
      <c r="T7" s="451"/>
      <c r="U7" s="451"/>
      <c r="V7" s="452"/>
      <c r="W7" s="455"/>
      <c r="X7" s="456"/>
      <c r="Y7" s="456"/>
      <c r="Z7" s="456"/>
      <c r="AA7" s="456"/>
      <c r="AB7" s="444"/>
      <c r="AC7" s="490"/>
      <c r="AD7" s="491"/>
      <c r="AE7" s="491"/>
      <c r="AF7" s="491"/>
      <c r="AG7" s="491"/>
      <c r="AH7" s="491"/>
      <c r="AI7" s="491"/>
      <c r="AJ7" s="491"/>
      <c r="AK7" s="491"/>
      <c r="AL7" s="492"/>
      <c r="AM7" s="496" t="s">
        <v>
105</v>
      </c>
      <c r="AN7" s="497"/>
      <c r="AO7" s="497"/>
      <c r="AP7" s="497"/>
      <c r="AQ7" s="497"/>
      <c r="AR7" s="497"/>
      <c r="AS7" s="497"/>
      <c r="AT7" s="498"/>
      <c r="AU7" s="499" t="s">
        <v>
102</v>
      </c>
      <c r="AV7" s="500"/>
      <c r="AW7" s="500"/>
      <c r="AX7" s="500"/>
      <c r="AY7" s="501" t="s">
        <v>
106</v>
      </c>
      <c r="AZ7" s="502"/>
      <c r="BA7" s="502"/>
      <c r="BB7" s="502"/>
      <c r="BC7" s="502"/>
      <c r="BD7" s="502"/>
      <c r="BE7" s="502"/>
      <c r="BF7" s="502"/>
      <c r="BG7" s="502"/>
      <c r="BH7" s="502"/>
      <c r="BI7" s="502"/>
      <c r="BJ7" s="502"/>
      <c r="BK7" s="502"/>
      <c r="BL7" s="502"/>
      <c r="BM7" s="503"/>
      <c r="BN7" s="467">
        <v>
162994</v>
      </c>
      <c r="BO7" s="468"/>
      <c r="BP7" s="468"/>
      <c r="BQ7" s="468"/>
      <c r="BR7" s="468"/>
      <c r="BS7" s="468"/>
      <c r="BT7" s="468"/>
      <c r="BU7" s="469"/>
      <c r="BV7" s="467">
        <v>
688652</v>
      </c>
      <c r="BW7" s="468"/>
      <c r="BX7" s="468"/>
      <c r="BY7" s="468"/>
      <c r="BZ7" s="468"/>
      <c r="CA7" s="468"/>
      <c r="CB7" s="468"/>
      <c r="CC7" s="469"/>
      <c r="CD7" s="470" t="s">
        <v>
107</v>
      </c>
      <c r="CE7" s="471"/>
      <c r="CF7" s="471"/>
      <c r="CG7" s="471"/>
      <c r="CH7" s="471"/>
      <c r="CI7" s="471"/>
      <c r="CJ7" s="471"/>
      <c r="CK7" s="471"/>
      <c r="CL7" s="471"/>
      <c r="CM7" s="471"/>
      <c r="CN7" s="471"/>
      <c r="CO7" s="471"/>
      <c r="CP7" s="471"/>
      <c r="CQ7" s="471"/>
      <c r="CR7" s="471"/>
      <c r="CS7" s="472"/>
      <c r="CT7" s="467">
        <v>
90598164</v>
      </c>
      <c r="CU7" s="468"/>
      <c r="CV7" s="468"/>
      <c r="CW7" s="468"/>
      <c r="CX7" s="468"/>
      <c r="CY7" s="468"/>
      <c r="CZ7" s="468"/>
      <c r="DA7" s="469"/>
      <c r="DB7" s="467">
        <v>
86647078</v>
      </c>
      <c r="DC7" s="468"/>
      <c r="DD7" s="468"/>
      <c r="DE7" s="468"/>
      <c r="DF7" s="468"/>
      <c r="DG7" s="468"/>
      <c r="DH7" s="468"/>
      <c r="DI7" s="469"/>
      <c r="DJ7" s="186"/>
      <c r="DK7" s="186"/>
      <c r="DL7" s="186"/>
      <c r="DM7" s="186"/>
      <c r="DN7" s="186"/>
      <c r="DO7" s="186"/>
    </row>
    <row r="8" spans="1:119" ht="18.75" customHeight="1" thickBot="1" x14ac:dyDescent="0.25">
      <c r="A8" s="187"/>
      <c r="B8" s="476"/>
      <c r="C8" s="477"/>
      <c r="D8" s="477"/>
      <c r="E8" s="478"/>
      <c r="F8" s="478"/>
      <c r="G8" s="478"/>
      <c r="H8" s="478"/>
      <c r="I8" s="478"/>
      <c r="J8" s="478"/>
      <c r="K8" s="478"/>
      <c r="L8" s="478"/>
      <c r="M8" s="478"/>
      <c r="N8" s="478"/>
      <c r="O8" s="478"/>
      <c r="P8" s="478"/>
      <c r="Q8" s="478"/>
      <c r="R8" s="481"/>
      <c r="S8" s="481"/>
      <c r="T8" s="481"/>
      <c r="U8" s="481"/>
      <c r="V8" s="482"/>
      <c r="W8" s="485"/>
      <c r="X8" s="486"/>
      <c r="Y8" s="486"/>
      <c r="Z8" s="486"/>
      <c r="AA8" s="486"/>
      <c r="AB8" s="477"/>
      <c r="AC8" s="493"/>
      <c r="AD8" s="494"/>
      <c r="AE8" s="494"/>
      <c r="AF8" s="494"/>
      <c r="AG8" s="494"/>
      <c r="AH8" s="494"/>
      <c r="AI8" s="494"/>
      <c r="AJ8" s="494"/>
      <c r="AK8" s="494"/>
      <c r="AL8" s="495"/>
      <c r="AM8" s="496" t="s">
        <v>
108</v>
      </c>
      <c r="AN8" s="497"/>
      <c r="AO8" s="497"/>
      <c r="AP8" s="497"/>
      <c r="AQ8" s="497"/>
      <c r="AR8" s="497"/>
      <c r="AS8" s="497"/>
      <c r="AT8" s="498"/>
      <c r="AU8" s="499" t="s">
        <v>
109</v>
      </c>
      <c r="AV8" s="500"/>
      <c r="AW8" s="500"/>
      <c r="AX8" s="500"/>
      <c r="AY8" s="501" t="s">
        <v>
110</v>
      </c>
      <c r="AZ8" s="502"/>
      <c r="BA8" s="502"/>
      <c r="BB8" s="502"/>
      <c r="BC8" s="502"/>
      <c r="BD8" s="502"/>
      <c r="BE8" s="502"/>
      <c r="BF8" s="502"/>
      <c r="BG8" s="502"/>
      <c r="BH8" s="502"/>
      <c r="BI8" s="502"/>
      <c r="BJ8" s="502"/>
      <c r="BK8" s="502"/>
      <c r="BL8" s="502"/>
      <c r="BM8" s="503"/>
      <c r="BN8" s="467">
        <v>
3411721</v>
      </c>
      <c r="BO8" s="468"/>
      <c r="BP8" s="468"/>
      <c r="BQ8" s="468"/>
      <c r="BR8" s="468"/>
      <c r="BS8" s="468"/>
      <c r="BT8" s="468"/>
      <c r="BU8" s="469"/>
      <c r="BV8" s="467">
        <v>
3891527</v>
      </c>
      <c r="BW8" s="468"/>
      <c r="BX8" s="468"/>
      <c r="BY8" s="468"/>
      <c r="BZ8" s="468"/>
      <c r="CA8" s="468"/>
      <c r="CB8" s="468"/>
      <c r="CC8" s="469"/>
      <c r="CD8" s="470" t="s">
        <v>
111</v>
      </c>
      <c r="CE8" s="471"/>
      <c r="CF8" s="471"/>
      <c r="CG8" s="471"/>
      <c r="CH8" s="471"/>
      <c r="CI8" s="471"/>
      <c r="CJ8" s="471"/>
      <c r="CK8" s="471"/>
      <c r="CL8" s="471"/>
      <c r="CM8" s="471"/>
      <c r="CN8" s="471"/>
      <c r="CO8" s="471"/>
      <c r="CP8" s="471"/>
      <c r="CQ8" s="471"/>
      <c r="CR8" s="471"/>
      <c r="CS8" s="472"/>
      <c r="CT8" s="507">
        <v>
0.66</v>
      </c>
      <c r="CU8" s="508"/>
      <c r="CV8" s="508"/>
      <c r="CW8" s="508"/>
      <c r="CX8" s="508"/>
      <c r="CY8" s="508"/>
      <c r="CZ8" s="508"/>
      <c r="DA8" s="509"/>
      <c r="DB8" s="507">
        <v>
0.66</v>
      </c>
      <c r="DC8" s="508"/>
      <c r="DD8" s="508"/>
      <c r="DE8" s="508"/>
      <c r="DF8" s="508"/>
      <c r="DG8" s="508"/>
      <c r="DH8" s="508"/>
      <c r="DI8" s="509"/>
      <c r="DJ8" s="186"/>
      <c r="DK8" s="186"/>
      <c r="DL8" s="186"/>
      <c r="DM8" s="186"/>
      <c r="DN8" s="186"/>
      <c r="DO8" s="186"/>
    </row>
    <row r="9" spans="1:119" ht="18.75" customHeight="1" thickBot="1" x14ac:dyDescent="0.25">
      <c r="A9" s="187"/>
      <c r="B9" s="461" t="s">
        <v>
112</v>
      </c>
      <c r="C9" s="462"/>
      <c r="D9" s="462"/>
      <c r="E9" s="462"/>
      <c r="F9" s="462"/>
      <c r="G9" s="462"/>
      <c r="H9" s="462"/>
      <c r="I9" s="462"/>
      <c r="J9" s="462"/>
      <c r="K9" s="510"/>
      <c r="L9" s="511" t="s">
        <v>
113</v>
      </c>
      <c r="M9" s="512"/>
      <c r="N9" s="512"/>
      <c r="O9" s="512"/>
      <c r="P9" s="512"/>
      <c r="Q9" s="513"/>
      <c r="R9" s="514">
        <v>
333560</v>
      </c>
      <c r="S9" s="515"/>
      <c r="T9" s="515"/>
      <c r="U9" s="515"/>
      <c r="V9" s="516"/>
      <c r="W9" s="424" t="s">
        <v>
114</v>
      </c>
      <c r="X9" s="425"/>
      <c r="Y9" s="425"/>
      <c r="Z9" s="425"/>
      <c r="AA9" s="425"/>
      <c r="AB9" s="425"/>
      <c r="AC9" s="425"/>
      <c r="AD9" s="425"/>
      <c r="AE9" s="425"/>
      <c r="AF9" s="425"/>
      <c r="AG9" s="425"/>
      <c r="AH9" s="425"/>
      <c r="AI9" s="425"/>
      <c r="AJ9" s="425"/>
      <c r="AK9" s="425"/>
      <c r="AL9" s="426"/>
      <c r="AM9" s="496" t="s">
        <v>
115</v>
      </c>
      <c r="AN9" s="497"/>
      <c r="AO9" s="497"/>
      <c r="AP9" s="497"/>
      <c r="AQ9" s="497"/>
      <c r="AR9" s="497"/>
      <c r="AS9" s="497"/>
      <c r="AT9" s="498"/>
      <c r="AU9" s="499" t="s">
        <v>
116</v>
      </c>
      <c r="AV9" s="500"/>
      <c r="AW9" s="500"/>
      <c r="AX9" s="500"/>
      <c r="AY9" s="501" t="s">
        <v>
117</v>
      </c>
      <c r="AZ9" s="502"/>
      <c r="BA9" s="502"/>
      <c r="BB9" s="502"/>
      <c r="BC9" s="502"/>
      <c r="BD9" s="502"/>
      <c r="BE9" s="502"/>
      <c r="BF9" s="502"/>
      <c r="BG9" s="502"/>
      <c r="BH9" s="502"/>
      <c r="BI9" s="502"/>
      <c r="BJ9" s="502"/>
      <c r="BK9" s="502"/>
      <c r="BL9" s="502"/>
      <c r="BM9" s="503"/>
      <c r="BN9" s="467">
        <v>
-479806</v>
      </c>
      <c r="BO9" s="468"/>
      <c r="BP9" s="468"/>
      <c r="BQ9" s="468"/>
      <c r="BR9" s="468"/>
      <c r="BS9" s="468"/>
      <c r="BT9" s="468"/>
      <c r="BU9" s="469"/>
      <c r="BV9" s="467">
        <v>
-1506471</v>
      </c>
      <c r="BW9" s="468"/>
      <c r="BX9" s="468"/>
      <c r="BY9" s="468"/>
      <c r="BZ9" s="468"/>
      <c r="CA9" s="468"/>
      <c r="CB9" s="468"/>
      <c r="CC9" s="469"/>
      <c r="CD9" s="470" t="s">
        <v>
118</v>
      </c>
      <c r="CE9" s="471"/>
      <c r="CF9" s="471"/>
      <c r="CG9" s="471"/>
      <c r="CH9" s="471"/>
      <c r="CI9" s="471"/>
      <c r="CJ9" s="471"/>
      <c r="CK9" s="471"/>
      <c r="CL9" s="471"/>
      <c r="CM9" s="471"/>
      <c r="CN9" s="471"/>
      <c r="CO9" s="471"/>
      <c r="CP9" s="471"/>
      <c r="CQ9" s="471"/>
      <c r="CR9" s="471"/>
      <c r="CS9" s="472"/>
      <c r="CT9" s="464">
        <v>
2.2999999999999998</v>
      </c>
      <c r="CU9" s="465"/>
      <c r="CV9" s="465"/>
      <c r="CW9" s="465"/>
      <c r="CX9" s="465"/>
      <c r="CY9" s="465"/>
      <c r="CZ9" s="465"/>
      <c r="DA9" s="466"/>
      <c r="DB9" s="464">
        <v>
2</v>
      </c>
      <c r="DC9" s="465"/>
      <c r="DD9" s="465"/>
      <c r="DE9" s="465"/>
      <c r="DF9" s="465"/>
      <c r="DG9" s="465"/>
      <c r="DH9" s="465"/>
      <c r="DI9" s="466"/>
      <c r="DJ9" s="186"/>
      <c r="DK9" s="186"/>
      <c r="DL9" s="186"/>
      <c r="DM9" s="186"/>
      <c r="DN9" s="186"/>
      <c r="DO9" s="186"/>
    </row>
    <row r="10" spans="1:119" ht="18.75" customHeight="1" thickBot="1" x14ac:dyDescent="0.25">
      <c r="A10" s="187"/>
      <c r="B10" s="461"/>
      <c r="C10" s="462"/>
      <c r="D10" s="462"/>
      <c r="E10" s="462"/>
      <c r="F10" s="462"/>
      <c r="G10" s="462"/>
      <c r="H10" s="462"/>
      <c r="I10" s="462"/>
      <c r="J10" s="462"/>
      <c r="K10" s="510"/>
      <c r="L10" s="517" t="s">
        <v>
119</v>
      </c>
      <c r="M10" s="497"/>
      <c r="N10" s="497"/>
      <c r="O10" s="497"/>
      <c r="P10" s="497"/>
      <c r="Q10" s="498"/>
      <c r="R10" s="518">
        <v>
326309</v>
      </c>
      <c r="S10" s="519"/>
      <c r="T10" s="519"/>
      <c r="U10" s="519"/>
      <c r="V10" s="520"/>
      <c r="W10" s="455"/>
      <c r="X10" s="456"/>
      <c r="Y10" s="456"/>
      <c r="Z10" s="456"/>
      <c r="AA10" s="456"/>
      <c r="AB10" s="456"/>
      <c r="AC10" s="456"/>
      <c r="AD10" s="456"/>
      <c r="AE10" s="456"/>
      <c r="AF10" s="456"/>
      <c r="AG10" s="456"/>
      <c r="AH10" s="456"/>
      <c r="AI10" s="456"/>
      <c r="AJ10" s="456"/>
      <c r="AK10" s="456"/>
      <c r="AL10" s="459"/>
      <c r="AM10" s="496" t="s">
        <v>
120</v>
      </c>
      <c r="AN10" s="497"/>
      <c r="AO10" s="497"/>
      <c r="AP10" s="497"/>
      <c r="AQ10" s="497"/>
      <c r="AR10" s="497"/>
      <c r="AS10" s="497"/>
      <c r="AT10" s="498"/>
      <c r="AU10" s="499" t="s">
        <v>
121</v>
      </c>
      <c r="AV10" s="500"/>
      <c r="AW10" s="500"/>
      <c r="AX10" s="500"/>
      <c r="AY10" s="501" t="s">
        <v>
122</v>
      </c>
      <c r="AZ10" s="502"/>
      <c r="BA10" s="502"/>
      <c r="BB10" s="502"/>
      <c r="BC10" s="502"/>
      <c r="BD10" s="502"/>
      <c r="BE10" s="502"/>
      <c r="BF10" s="502"/>
      <c r="BG10" s="502"/>
      <c r="BH10" s="502"/>
      <c r="BI10" s="502"/>
      <c r="BJ10" s="502"/>
      <c r="BK10" s="502"/>
      <c r="BL10" s="502"/>
      <c r="BM10" s="503"/>
      <c r="BN10" s="467">
        <v>
2317761</v>
      </c>
      <c r="BO10" s="468"/>
      <c r="BP10" s="468"/>
      <c r="BQ10" s="468"/>
      <c r="BR10" s="468"/>
      <c r="BS10" s="468"/>
      <c r="BT10" s="468"/>
      <c r="BU10" s="469"/>
      <c r="BV10" s="467">
        <v>
3072571</v>
      </c>
      <c r="BW10" s="468"/>
      <c r="BX10" s="468"/>
      <c r="BY10" s="468"/>
      <c r="BZ10" s="468"/>
      <c r="CA10" s="468"/>
      <c r="CB10" s="468"/>
      <c r="CC10" s="469"/>
      <c r="CD10" s="191" t="s">
        <v>
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1"/>
      <c r="C11" s="462"/>
      <c r="D11" s="462"/>
      <c r="E11" s="462"/>
      <c r="F11" s="462"/>
      <c r="G11" s="462"/>
      <c r="H11" s="462"/>
      <c r="I11" s="462"/>
      <c r="J11" s="462"/>
      <c r="K11" s="510"/>
      <c r="L11" s="521" t="s">
        <v>
124</v>
      </c>
      <c r="M11" s="522"/>
      <c r="N11" s="522"/>
      <c r="O11" s="522"/>
      <c r="P11" s="522"/>
      <c r="Q11" s="523"/>
      <c r="R11" s="524" t="s">
        <v>
125</v>
      </c>
      <c r="S11" s="525"/>
      <c r="T11" s="525"/>
      <c r="U11" s="525"/>
      <c r="V11" s="526"/>
      <c r="W11" s="455"/>
      <c r="X11" s="456"/>
      <c r="Y11" s="456"/>
      <c r="Z11" s="456"/>
      <c r="AA11" s="456"/>
      <c r="AB11" s="456"/>
      <c r="AC11" s="456"/>
      <c r="AD11" s="456"/>
      <c r="AE11" s="456"/>
      <c r="AF11" s="456"/>
      <c r="AG11" s="456"/>
      <c r="AH11" s="456"/>
      <c r="AI11" s="456"/>
      <c r="AJ11" s="456"/>
      <c r="AK11" s="456"/>
      <c r="AL11" s="459"/>
      <c r="AM11" s="496" t="s">
        <v>
126</v>
      </c>
      <c r="AN11" s="497"/>
      <c r="AO11" s="497"/>
      <c r="AP11" s="497"/>
      <c r="AQ11" s="497"/>
      <c r="AR11" s="497"/>
      <c r="AS11" s="497"/>
      <c r="AT11" s="498"/>
      <c r="AU11" s="499" t="s">
        <v>
109</v>
      </c>
      <c r="AV11" s="500"/>
      <c r="AW11" s="500"/>
      <c r="AX11" s="500"/>
      <c r="AY11" s="501" t="s">
        <v>
127</v>
      </c>
      <c r="AZ11" s="502"/>
      <c r="BA11" s="502"/>
      <c r="BB11" s="502"/>
      <c r="BC11" s="502"/>
      <c r="BD11" s="502"/>
      <c r="BE11" s="502"/>
      <c r="BF11" s="502"/>
      <c r="BG11" s="502"/>
      <c r="BH11" s="502"/>
      <c r="BI11" s="502"/>
      <c r="BJ11" s="502"/>
      <c r="BK11" s="502"/>
      <c r="BL11" s="502"/>
      <c r="BM11" s="503"/>
      <c r="BN11" s="467">
        <v>
0</v>
      </c>
      <c r="BO11" s="468"/>
      <c r="BP11" s="468"/>
      <c r="BQ11" s="468"/>
      <c r="BR11" s="468"/>
      <c r="BS11" s="468"/>
      <c r="BT11" s="468"/>
      <c r="BU11" s="469"/>
      <c r="BV11" s="467">
        <v>
0</v>
      </c>
      <c r="BW11" s="468"/>
      <c r="BX11" s="468"/>
      <c r="BY11" s="468"/>
      <c r="BZ11" s="468"/>
      <c r="CA11" s="468"/>
      <c r="CB11" s="468"/>
      <c r="CC11" s="469"/>
      <c r="CD11" s="470" t="s">
        <v>
128</v>
      </c>
      <c r="CE11" s="471"/>
      <c r="CF11" s="471"/>
      <c r="CG11" s="471"/>
      <c r="CH11" s="471"/>
      <c r="CI11" s="471"/>
      <c r="CJ11" s="471"/>
      <c r="CK11" s="471"/>
      <c r="CL11" s="471"/>
      <c r="CM11" s="471"/>
      <c r="CN11" s="471"/>
      <c r="CO11" s="471"/>
      <c r="CP11" s="471"/>
      <c r="CQ11" s="471"/>
      <c r="CR11" s="471"/>
      <c r="CS11" s="472"/>
      <c r="CT11" s="507" t="s">
        <v>
129</v>
      </c>
      <c r="CU11" s="508"/>
      <c r="CV11" s="508"/>
      <c r="CW11" s="508"/>
      <c r="CX11" s="508"/>
      <c r="CY11" s="508"/>
      <c r="CZ11" s="508"/>
      <c r="DA11" s="509"/>
      <c r="DB11" s="507" t="s">
        <v>
130</v>
      </c>
      <c r="DC11" s="508"/>
      <c r="DD11" s="508"/>
      <c r="DE11" s="508"/>
      <c r="DF11" s="508"/>
      <c r="DG11" s="508"/>
      <c r="DH11" s="508"/>
      <c r="DI11" s="509"/>
      <c r="DJ11" s="186"/>
      <c r="DK11" s="186"/>
      <c r="DL11" s="186"/>
      <c r="DM11" s="186"/>
      <c r="DN11" s="186"/>
      <c r="DO11" s="186"/>
    </row>
    <row r="12" spans="1:119" ht="18.75" customHeight="1" x14ac:dyDescent="0.2">
      <c r="A12" s="187"/>
      <c r="B12" s="527" t="s">
        <v>
131</v>
      </c>
      <c r="C12" s="528"/>
      <c r="D12" s="528"/>
      <c r="E12" s="528"/>
      <c r="F12" s="528"/>
      <c r="G12" s="528"/>
      <c r="H12" s="528"/>
      <c r="I12" s="528"/>
      <c r="J12" s="528"/>
      <c r="K12" s="529"/>
      <c r="L12" s="536" t="s">
        <v>
132</v>
      </c>
      <c r="M12" s="537"/>
      <c r="N12" s="537"/>
      <c r="O12" s="537"/>
      <c r="P12" s="537"/>
      <c r="Q12" s="538"/>
      <c r="R12" s="539">
        <v>
348452</v>
      </c>
      <c r="S12" s="540"/>
      <c r="T12" s="540"/>
      <c r="U12" s="540"/>
      <c r="V12" s="541"/>
      <c r="W12" s="542" t="s">
        <v>
1</v>
      </c>
      <c r="X12" s="500"/>
      <c r="Y12" s="500"/>
      <c r="Z12" s="500"/>
      <c r="AA12" s="500"/>
      <c r="AB12" s="543"/>
      <c r="AC12" s="544" t="s">
        <v>
133</v>
      </c>
      <c r="AD12" s="545"/>
      <c r="AE12" s="545"/>
      <c r="AF12" s="545"/>
      <c r="AG12" s="546"/>
      <c r="AH12" s="544" t="s">
        <v>
134</v>
      </c>
      <c r="AI12" s="545"/>
      <c r="AJ12" s="545"/>
      <c r="AK12" s="545"/>
      <c r="AL12" s="547"/>
      <c r="AM12" s="496" t="s">
        <v>
135</v>
      </c>
      <c r="AN12" s="497"/>
      <c r="AO12" s="497"/>
      <c r="AP12" s="497"/>
      <c r="AQ12" s="497"/>
      <c r="AR12" s="497"/>
      <c r="AS12" s="497"/>
      <c r="AT12" s="498"/>
      <c r="AU12" s="499" t="s">
        <v>
136</v>
      </c>
      <c r="AV12" s="500"/>
      <c r="AW12" s="500"/>
      <c r="AX12" s="500"/>
      <c r="AY12" s="501" t="s">
        <v>
137</v>
      </c>
      <c r="AZ12" s="502"/>
      <c r="BA12" s="502"/>
      <c r="BB12" s="502"/>
      <c r="BC12" s="502"/>
      <c r="BD12" s="502"/>
      <c r="BE12" s="502"/>
      <c r="BF12" s="502"/>
      <c r="BG12" s="502"/>
      <c r="BH12" s="502"/>
      <c r="BI12" s="502"/>
      <c r="BJ12" s="502"/>
      <c r="BK12" s="502"/>
      <c r="BL12" s="502"/>
      <c r="BM12" s="503"/>
      <c r="BN12" s="467">
        <v>
0</v>
      </c>
      <c r="BO12" s="468"/>
      <c r="BP12" s="468"/>
      <c r="BQ12" s="468"/>
      <c r="BR12" s="468"/>
      <c r="BS12" s="468"/>
      <c r="BT12" s="468"/>
      <c r="BU12" s="469"/>
      <c r="BV12" s="467">
        <v>
0</v>
      </c>
      <c r="BW12" s="468"/>
      <c r="BX12" s="468"/>
      <c r="BY12" s="468"/>
      <c r="BZ12" s="468"/>
      <c r="CA12" s="468"/>
      <c r="CB12" s="468"/>
      <c r="CC12" s="469"/>
      <c r="CD12" s="470" t="s">
        <v>
138</v>
      </c>
      <c r="CE12" s="471"/>
      <c r="CF12" s="471"/>
      <c r="CG12" s="471"/>
      <c r="CH12" s="471"/>
      <c r="CI12" s="471"/>
      <c r="CJ12" s="471"/>
      <c r="CK12" s="471"/>
      <c r="CL12" s="471"/>
      <c r="CM12" s="471"/>
      <c r="CN12" s="471"/>
      <c r="CO12" s="471"/>
      <c r="CP12" s="471"/>
      <c r="CQ12" s="471"/>
      <c r="CR12" s="471"/>
      <c r="CS12" s="472"/>
      <c r="CT12" s="507" t="s">
        <v>
129</v>
      </c>
      <c r="CU12" s="508"/>
      <c r="CV12" s="508"/>
      <c r="CW12" s="508"/>
      <c r="CX12" s="508"/>
      <c r="CY12" s="508"/>
      <c r="CZ12" s="508"/>
      <c r="DA12" s="509"/>
      <c r="DB12" s="507" t="s">
        <v>
139</v>
      </c>
      <c r="DC12" s="508"/>
      <c r="DD12" s="508"/>
      <c r="DE12" s="508"/>
      <c r="DF12" s="508"/>
      <c r="DG12" s="508"/>
      <c r="DH12" s="508"/>
      <c r="DI12" s="509"/>
      <c r="DJ12" s="186"/>
      <c r="DK12" s="186"/>
      <c r="DL12" s="186"/>
      <c r="DM12" s="186"/>
      <c r="DN12" s="186"/>
      <c r="DO12" s="186"/>
    </row>
    <row r="13" spans="1:119" ht="18.75" customHeight="1" x14ac:dyDescent="0.2">
      <c r="A13" s="187"/>
      <c r="B13" s="530"/>
      <c r="C13" s="531"/>
      <c r="D13" s="531"/>
      <c r="E13" s="531"/>
      <c r="F13" s="531"/>
      <c r="G13" s="531"/>
      <c r="H13" s="531"/>
      <c r="I13" s="531"/>
      <c r="J13" s="531"/>
      <c r="K13" s="532"/>
      <c r="L13" s="197"/>
      <c r="M13" s="558" t="s">
        <v>
140</v>
      </c>
      <c r="N13" s="559"/>
      <c r="O13" s="559"/>
      <c r="P13" s="559"/>
      <c r="Q13" s="560"/>
      <c r="R13" s="551">
        <v>
305854</v>
      </c>
      <c r="S13" s="552"/>
      <c r="T13" s="552"/>
      <c r="U13" s="552"/>
      <c r="V13" s="553"/>
      <c r="W13" s="483" t="s">
        <v>
141</v>
      </c>
      <c r="X13" s="484"/>
      <c r="Y13" s="484"/>
      <c r="Z13" s="484"/>
      <c r="AA13" s="484"/>
      <c r="AB13" s="474"/>
      <c r="AC13" s="518">
        <v>
91</v>
      </c>
      <c r="AD13" s="519"/>
      <c r="AE13" s="519"/>
      <c r="AF13" s="519"/>
      <c r="AG13" s="561"/>
      <c r="AH13" s="518">
        <v>
83</v>
      </c>
      <c r="AI13" s="519"/>
      <c r="AJ13" s="519"/>
      <c r="AK13" s="519"/>
      <c r="AL13" s="520"/>
      <c r="AM13" s="496" t="s">
        <v>
142</v>
      </c>
      <c r="AN13" s="497"/>
      <c r="AO13" s="497"/>
      <c r="AP13" s="497"/>
      <c r="AQ13" s="497"/>
      <c r="AR13" s="497"/>
      <c r="AS13" s="497"/>
      <c r="AT13" s="498"/>
      <c r="AU13" s="499" t="s">
        <v>
143</v>
      </c>
      <c r="AV13" s="500"/>
      <c r="AW13" s="500"/>
      <c r="AX13" s="500"/>
      <c r="AY13" s="501" t="s">
        <v>
144</v>
      </c>
      <c r="AZ13" s="502"/>
      <c r="BA13" s="502"/>
      <c r="BB13" s="502"/>
      <c r="BC13" s="502"/>
      <c r="BD13" s="502"/>
      <c r="BE13" s="502"/>
      <c r="BF13" s="502"/>
      <c r="BG13" s="502"/>
      <c r="BH13" s="502"/>
      <c r="BI13" s="502"/>
      <c r="BJ13" s="502"/>
      <c r="BK13" s="502"/>
      <c r="BL13" s="502"/>
      <c r="BM13" s="503"/>
      <c r="BN13" s="467">
        <v>
1837955</v>
      </c>
      <c r="BO13" s="468"/>
      <c r="BP13" s="468"/>
      <c r="BQ13" s="468"/>
      <c r="BR13" s="468"/>
      <c r="BS13" s="468"/>
      <c r="BT13" s="468"/>
      <c r="BU13" s="469"/>
      <c r="BV13" s="467">
        <v>
1566100</v>
      </c>
      <c r="BW13" s="468"/>
      <c r="BX13" s="468"/>
      <c r="BY13" s="468"/>
      <c r="BZ13" s="468"/>
      <c r="CA13" s="468"/>
      <c r="CB13" s="468"/>
      <c r="CC13" s="469"/>
      <c r="CD13" s="470" t="s">
        <v>
145</v>
      </c>
      <c r="CE13" s="471"/>
      <c r="CF13" s="471"/>
      <c r="CG13" s="471"/>
      <c r="CH13" s="471"/>
      <c r="CI13" s="471"/>
      <c r="CJ13" s="471"/>
      <c r="CK13" s="471"/>
      <c r="CL13" s="471"/>
      <c r="CM13" s="471"/>
      <c r="CN13" s="471"/>
      <c r="CO13" s="471"/>
      <c r="CP13" s="471"/>
      <c r="CQ13" s="471"/>
      <c r="CR13" s="471"/>
      <c r="CS13" s="472"/>
      <c r="CT13" s="464">
        <v>
-3.7</v>
      </c>
      <c r="CU13" s="465"/>
      <c r="CV13" s="465"/>
      <c r="CW13" s="465"/>
      <c r="CX13" s="465"/>
      <c r="CY13" s="465"/>
      <c r="CZ13" s="465"/>
      <c r="DA13" s="466"/>
      <c r="DB13" s="464">
        <v>
-3.8</v>
      </c>
      <c r="DC13" s="465"/>
      <c r="DD13" s="465"/>
      <c r="DE13" s="465"/>
      <c r="DF13" s="465"/>
      <c r="DG13" s="465"/>
      <c r="DH13" s="465"/>
      <c r="DI13" s="466"/>
      <c r="DJ13" s="186"/>
      <c r="DK13" s="186"/>
      <c r="DL13" s="186"/>
      <c r="DM13" s="186"/>
      <c r="DN13" s="186"/>
      <c r="DO13" s="186"/>
    </row>
    <row r="14" spans="1:119" ht="18.75" customHeight="1" thickBot="1" x14ac:dyDescent="0.25">
      <c r="A14" s="187"/>
      <c r="B14" s="530"/>
      <c r="C14" s="531"/>
      <c r="D14" s="531"/>
      <c r="E14" s="531"/>
      <c r="F14" s="531"/>
      <c r="G14" s="531"/>
      <c r="H14" s="531"/>
      <c r="I14" s="531"/>
      <c r="J14" s="531"/>
      <c r="K14" s="532"/>
      <c r="L14" s="548" t="s">
        <v>
146</v>
      </c>
      <c r="M14" s="549"/>
      <c r="N14" s="549"/>
      <c r="O14" s="549"/>
      <c r="P14" s="549"/>
      <c r="Q14" s="550"/>
      <c r="R14" s="551">
        <v>
346162</v>
      </c>
      <c r="S14" s="552"/>
      <c r="T14" s="552"/>
      <c r="U14" s="552"/>
      <c r="V14" s="553"/>
      <c r="W14" s="457"/>
      <c r="X14" s="458"/>
      <c r="Y14" s="458"/>
      <c r="Z14" s="458"/>
      <c r="AA14" s="458"/>
      <c r="AB14" s="447"/>
      <c r="AC14" s="554">
        <v>
0.1</v>
      </c>
      <c r="AD14" s="555"/>
      <c r="AE14" s="555"/>
      <c r="AF14" s="555"/>
      <c r="AG14" s="556"/>
      <c r="AH14" s="554">
        <v>
0.1</v>
      </c>
      <c r="AI14" s="555"/>
      <c r="AJ14" s="555"/>
      <c r="AK14" s="555"/>
      <c r="AL14" s="557"/>
      <c r="AM14" s="496"/>
      <c r="AN14" s="497"/>
      <c r="AO14" s="497"/>
      <c r="AP14" s="497"/>
      <c r="AQ14" s="497"/>
      <c r="AR14" s="497"/>
      <c r="AS14" s="497"/>
      <c r="AT14" s="498"/>
      <c r="AU14" s="499"/>
      <c r="AV14" s="500"/>
      <c r="AW14" s="500"/>
      <c r="AX14" s="500"/>
      <c r="AY14" s="501"/>
      <c r="AZ14" s="502"/>
      <c r="BA14" s="502"/>
      <c r="BB14" s="502"/>
      <c r="BC14" s="502"/>
      <c r="BD14" s="502"/>
      <c r="BE14" s="502"/>
      <c r="BF14" s="502"/>
      <c r="BG14" s="502"/>
      <c r="BH14" s="502"/>
      <c r="BI14" s="502"/>
      <c r="BJ14" s="502"/>
      <c r="BK14" s="502"/>
      <c r="BL14" s="502"/>
      <c r="BM14" s="503"/>
      <c r="BN14" s="467"/>
      <c r="BO14" s="468"/>
      <c r="BP14" s="468"/>
      <c r="BQ14" s="468"/>
      <c r="BR14" s="468"/>
      <c r="BS14" s="468"/>
      <c r="BT14" s="468"/>
      <c r="BU14" s="469"/>
      <c r="BV14" s="467"/>
      <c r="BW14" s="468"/>
      <c r="BX14" s="468"/>
      <c r="BY14" s="468"/>
      <c r="BZ14" s="468"/>
      <c r="CA14" s="468"/>
      <c r="CB14" s="468"/>
      <c r="CC14" s="469"/>
      <c r="CD14" s="562" t="s">
        <v>
147</v>
      </c>
      <c r="CE14" s="563"/>
      <c r="CF14" s="563"/>
      <c r="CG14" s="563"/>
      <c r="CH14" s="563"/>
      <c r="CI14" s="563"/>
      <c r="CJ14" s="563"/>
      <c r="CK14" s="563"/>
      <c r="CL14" s="563"/>
      <c r="CM14" s="563"/>
      <c r="CN14" s="563"/>
      <c r="CO14" s="563"/>
      <c r="CP14" s="563"/>
      <c r="CQ14" s="563"/>
      <c r="CR14" s="563"/>
      <c r="CS14" s="564"/>
      <c r="CT14" s="565" t="s">
        <v>
148</v>
      </c>
      <c r="CU14" s="566"/>
      <c r="CV14" s="566"/>
      <c r="CW14" s="566"/>
      <c r="CX14" s="566"/>
      <c r="CY14" s="566"/>
      <c r="CZ14" s="566"/>
      <c r="DA14" s="567"/>
      <c r="DB14" s="565" t="s">
        <v>
148</v>
      </c>
      <c r="DC14" s="566"/>
      <c r="DD14" s="566"/>
      <c r="DE14" s="566"/>
      <c r="DF14" s="566"/>
      <c r="DG14" s="566"/>
      <c r="DH14" s="566"/>
      <c r="DI14" s="567"/>
      <c r="DJ14" s="186"/>
      <c r="DK14" s="186"/>
      <c r="DL14" s="186"/>
      <c r="DM14" s="186"/>
      <c r="DN14" s="186"/>
      <c r="DO14" s="186"/>
    </row>
    <row r="15" spans="1:119" ht="18.75" customHeight="1" x14ac:dyDescent="0.2">
      <c r="A15" s="187"/>
      <c r="B15" s="530"/>
      <c r="C15" s="531"/>
      <c r="D15" s="531"/>
      <c r="E15" s="531"/>
      <c r="F15" s="531"/>
      <c r="G15" s="531"/>
      <c r="H15" s="531"/>
      <c r="I15" s="531"/>
      <c r="J15" s="531"/>
      <c r="K15" s="532"/>
      <c r="L15" s="197"/>
      <c r="M15" s="558" t="s">
        <v>
149</v>
      </c>
      <c r="N15" s="559"/>
      <c r="O15" s="559"/>
      <c r="P15" s="559"/>
      <c r="Q15" s="560"/>
      <c r="R15" s="551">
        <v>
303094</v>
      </c>
      <c r="S15" s="552"/>
      <c r="T15" s="552"/>
      <c r="U15" s="552"/>
      <c r="V15" s="553"/>
      <c r="W15" s="483" t="s">
        <v>
150</v>
      </c>
      <c r="X15" s="484"/>
      <c r="Y15" s="484"/>
      <c r="Z15" s="484"/>
      <c r="AA15" s="484"/>
      <c r="AB15" s="474"/>
      <c r="AC15" s="518">
        <v>
11686</v>
      </c>
      <c r="AD15" s="519"/>
      <c r="AE15" s="519"/>
      <c r="AF15" s="519"/>
      <c r="AG15" s="561"/>
      <c r="AH15" s="518">
        <v>
12059</v>
      </c>
      <c r="AI15" s="519"/>
      <c r="AJ15" s="519"/>
      <c r="AK15" s="519"/>
      <c r="AL15" s="520"/>
      <c r="AM15" s="496"/>
      <c r="AN15" s="497"/>
      <c r="AO15" s="497"/>
      <c r="AP15" s="497"/>
      <c r="AQ15" s="497"/>
      <c r="AR15" s="497"/>
      <c r="AS15" s="497"/>
      <c r="AT15" s="498"/>
      <c r="AU15" s="499"/>
      <c r="AV15" s="500"/>
      <c r="AW15" s="500"/>
      <c r="AX15" s="500"/>
      <c r="AY15" s="427" t="s">
        <v>
151</v>
      </c>
      <c r="AZ15" s="428"/>
      <c r="BA15" s="428"/>
      <c r="BB15" s="428"/>
      <c r="BC15" s="428"/>
      <c r="BD15" s="428"/>
      <c r="BE15" s="428"/>
      <c r="BF15" s="428"/>
      <c r="BG15" s="428"/>
      <c r="BH15" s="428"/>
      <c r="BI15" s="428"/>
      <c r="BJ15" s="428"/>
      <c r="BK15" s="428"/>
      <c r="BL15" s="428"/>
      <c r="BM15" s="429"/>
      <c r="BN15" s="430">
        <v>
52480474</v>
      </c>
      <c r="BO15" s="431"/>
      <c r="BP15" s="431"/>
      <c r="BQ15" s="431"/>
      <c r="BR15" s="431"/>
      <c r="BS15" s="431"/>
      <c r="BT15" s="431"/>
      <c r="BU15" s="432"/>
      <c r="BV15" s="430">
        <v>
50263068</v>
      </c>
      <c r="BW15" s="431"/>
      <c r="BX15" s="431"/>
      <c r="BY15" s="431"/>
      <c r="BZ15" s="431"/>
      <c r="CA15" s="431"/>
      <c r="CB15" s="431"/>
      <c r="CC15" s="432"/>
      <c r="CD15" s="568" t="s">
        <v>
152</v>
      </c>
      <c r="CE15" s="569"/>
      <c r="CF15" s="569"/>
      <c r="CG15" s="569"/>
      <c r="CH15" s="569"/>
      <c r="CI15" s="569"/>
      <c r="CJ15" s="569"/>
      <c r="CK15" s="569"/>
      <c r="CL15" s="569"/>
      <c r="CM15" s="569"/>
      <c r="CN15" s="569"/>
      <c r="CO15" s="569"/>
      <c r="CP15" s="569"/>
      <c r="CQ15" s="569"/>
      <c r="CR15" s="569"/>
      <c r="CS15" s="57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0"/>
      <c r="C16" s="531"/>
      <c r="D16" s="531"/>
      <c r="E16" s="531"/>
      <c r="F16" s="531"/>
      <c r="G16" s="531"/>
      <c r="H16" s="531"/>
      <c r="I16" s="531"/>
      <c r="J16" s="531"/>
      <c r="K16" s="532"/>
      <c r="L16" s="548" t="s">
        <v>
153</v>
      </c>
      <c r="M16" s="579"/>
      <c r="N16" s="579"/>
      <c r="O16" s="579"/>
      <c r="P16" s="579"/>
      <c r="Q16" s="580"/>
      <c r="R16" s="571" t="s">
        <v>
154</v>
      </c>
      <c r="S16" s="572"/>
      <c r="T16" s="572"/>
      <c r="U16" s="572"/>
      <c r="V16" s="573"/>
      <c r="W16" s="457"/>
      <c r="X16" s="458"/>
      <c r="Y16" s="458"/>
      <c r="Z16" s="458"/>
      <c r="AA16" s="458"/>
      <c r="AB16" s="447"/>
      <c r="AC16" s="554">
        <v>
11.2</v>
      </c>
      <c r="AD16" s="555"/>
      <c r="AE16" s="555"/>
      <c r="AF16" s="555"/>
      <c r="AG16" s="556"/>
      <c r="AH16" s="554">
        <v>
10.9</v>
      </c>
      <c r="AI16" s="555"/>
      <c r="AJ16" s="555"/>
      <c r="AK16" s="555"/>
      <c r="AL16" s="557"/>
      <c r="AM16" s="496"/>
      <c r="AN16" s="497"/>
      <c r="AO16" s="497"/>
      <c r="AP16" s="497"/>
      <c r="AQ16" s="497"/>
      <c r="AR16" s="497"/>
      <c r="AS16" s="497"/>
      <c r="AT16" s="498"/>
      <c r="AU16" s="499"/>
      <c r="AV16" s="500"/>
      <c r="AW16" s="500"/>
      <c r="AX16" s="500"/>
      <c r="AY16" s="501" t="s">
        <v>
155</v>
      </c>
      <c r="AZ16" s="502"/>
      <c r="BA16" s="502"/>
      <c r="BB16" s="502"/>
      <c r="BC16" s="502"/>
      <c r="BD16" s="502"/>
      <c r="BE16" s="502"/>
      <c r="BF16" s="502"/>
      <c r="BG16" s="502"/>
      <c r="BH16" s="502"/>
      <c r="BI16" s="502"/>
      <c r="BJ16" s="502"/>
      <c r="BK16" s="502"/>
      <c r="BL16" s="502"/>
      <c r="BM16" s="503"/>
      <c r="BN16" s="467">
        <v>
80831778</v>
      </c>
      <c r="BO16" s="468"/>
      <c r="BP16" s="468"/>
      <c r="BQ16" s="468"/>
      <c r="BR16" s="468"/>
      <c r="BS16" s="468"/>
      <c r="BT16" s="468"/>
      <c r="BU16" s="469"/>
      <c r="BV16" s="467">
        <v>
77494054</v>
      </c>
      <c r="BW16" s="468"/>
      <c r="BX16" s="468"/>
      <c r="BY16" s="468"/>
      <c r="BZ16" s="468"/>
      <c r="CA16" s="468"/>
      <c r="CB16" s="468"/>
      <c r="CC16" s="469"/>
      <c r="CD16" s="201"/>
      <c r="CE16" s="577"/>
      <c r="CF16" s="577"/>
      <c r="CG16" s="577"/>
      <c r="CH16" s="577"/>
      <c r="CI16" s="577"/>
      <c r="CJ16" s="577"/>
      <c r="CK16" s="577"/>
      <c r="CL16" s="577"/>
      <c r="CM16" s="577"/>
      <c r="CN16" s="577"/>
      <c r="CO16" s="577"/>
      <c r="CP16" s="577"/>
      <c r="CQ16" s="577"/>
      <c r="CR16" s="577"/>
      <c r="CS16" s="578"/>
      <c r="CT16" s="464"/>
      <c r="CU16" s="465"/>
      <c r="CV16" s="465"/>
      <c r="CW16" s="465"/>
      <c r="CX16" s="465"/>
      <c r="CY16" s="465"/>
      <c r="CZ16" s="465"/>
      <c r="DA16" s="466"/>
      <c r="DB16" s="464"/>
      <c r="DC16" s="465"/>
      <c r="DD16" s="465"/>
      <c r="DE16" s="465"/>
      <c r="DF16" s="465"/>
      <c r="DG16" s="465"/>
      <c r="DH16" s="465"/>
      <c r="DI16" s="466"/>
      <c r="DJ16" s="186"/>
      <c r="DK16" s="186"/>
      <c r="DL16" s="186"/>
      <c r="DM16" s="186"/>
      <c r="DN16" s="186"/>
      <c r="DO16" s="186"/>
    </row>
    <row r="17" spans="1:119" ht="18.75" customHeight="1" thickBot="1" x14ac:dyDescent="0.25">
      <c r="A17" s="187"/>
      <c r="B17" s="533"/>
      <c r="C17" s="534"/>
      <c r="D17" s="534"/>
      <c r="E17" s="534"/>
      <c r="F17" s="534"/>
      <c r="G17" s="534"/>
      <c r="H17" s="534"/>
      <c r="I17" s="534"/>
      <c r="J17" s="534"/>
      <c r="K17" s="535"/>
      <c r="L17" s="202"/>
      <c r="M17" s="574" t="s">
        <v>
156</v>
      </c>
      <c r="N17" s="575"/>
      <c r="O17" s="575"/>
      <c r="P17" s="575"/>
      <c r="Q17" s="576"/>
      <c r="R17" s="571" t="s">
        <v>
157</v>
      </c>
      <c r="S17" s="572"/>
      <c r="T17" s="572"/>
      <c r="U17" s="572"/>
      <c r="V17" s="573"/>
      <c r="W17" s="483" t="s">
        <v>
158</v>
      </c>
      <c r="X17" s="484"/>
      <c r="Y17" s="484"/>
      <c r="Z17" s="484"/>
      <c r="AA17" s="484"/>
      <c r="AB17" s="474"/>
      <c r="AC17" s="518">
        <v>
92337</v>
      </c>
      <c r="AD17" s="519"/>
      <c r="AE17" s="519"/>
      <c r="AF17" s="519"/>
      <c r="AG17" s="561"/>
      <c r="AH17" s="518">
        <v>
98792</v>
      </c>
      <c r="AI17" s="519"/>
      <c r="AJ17" s="519"/>
      <c r="AK17" s="519"/>
      <c r="AL17" s="520"/>
      <c r="AM17" s="496"/>
      <c r="AN17" s="497"/>
      <c r="AO17" s="497"/>
      <c r="AP17" s="497"/>
      <c r="AQ17" s="497"/>
      <c r="AR17" s="497"/>
      <c r="AS17" s="497"/>
      <c r="AT17" s="498"/>
      <c r="AU17" s="499"/>
      <c r="AV17" s="500"/>
      <c r="AW17" s="500"/>
      <c r="AX17" s="500"/>
      <c r="AY17" s="501" t="s">
        <v>
159</v>
      </c>
      <c r="AZ17" s="502"/>
      <c r="BA17" s="502"/>
      <c r="BB17" s="502"/>
      <c r="BC17" s="502"/>
      <c r="BD17" s="502"/>
      <c r="BE17" s="502"/>
      <c r="BF17" s="502"/>
      <c r="BG17" s="502"/>
      <c r="BH17" s="502"/>
      <c r="BI17" s="502"/>
      <c r="BJ17" s="502"/>
      <c r="BK17" s="502"/>
      <c r="BL17" s="502"/>
      <c r="BM17" s="503"/>
      <c r="BN17" s="467">
        <v>
90598164</v>
      </c>
      <c r="BO17" s="468"/>
      <c r="BP17" s="468"/>
      <c r="BQ17" s="468"/>
      <c r="BR17" s="468"/>
      <c r="BS17" s="468"/>
      <c r="BT17" s="468"/>
      <c r="BU17" s="469"/>
      <c r="BV17" s="467">
        <v>
86647078</v>
      </c>
      <c r="BW17" s="468"/>
      <c r="BX17" s="468"/>
      <c r="BY17" s="468"/>
      <c r="BZ17" s="468"/>
      <c r="CA17" s="468"/>
      <c r="CB17" s="468"/>
      <c r="CC17" s="469"/>
      <c r="CD17" s="201"/>
      <c r="CE17" s="577"/>
      <c r="CF17" s="577"/>
      <c r="CG17" s="577"/>
      <c r="CH17" s="577"/>
      <c r="CI17" s="577"/>
      <c r="CJ17" s="577"/>
      <c r="CK17" s="577"/>
      <c r="CL17" s="577"/>
      <c r="CM17" s="577"/>
      <c r="CN17" s="577"/>
      <c r="CO17" s="577"/>
      <c r="CP17" s="577"/>
      <c r="CQ17" s="577"/>
      <c r="CR17" s="577"/>
      <c r="CS17" s="578"/>
      <c r="CT17" s="464"/>
      <c r="CU17" s="465"/>
      <c r="CV17" s="465"/>
      <c r="CW17" s="465"/>
      <c r="CX17" s="465"/>
      <c r="CY17" s="465"/>
      <c r="CZ17" s="465"/>
      <c r="DA17" s="466"/>
      <c r="DB17" s="464"/>
      <c r="DC17" s="465"/>
      <c r="DD17" s="465"/>
      <c r="DE17" s="465"/>
      <c r="DF17" s="465"/>
      <c r="DG17" s="465"/>
      <c r="DH17" s="465"/>
      <c r="DI17" s="466"/>
      <c r="DJ17" s="186"/>
      <c r="DK17" s="186"/>
      <c r="DL17" s="186"/>
      <c r="DM17" s="186"/>
      <c r="DN17" s="186"/>
      <c r="DO17" s="186"/>
    </row>
    <row r="18" spans="1:119" ht="18.75" customHeight="1" thickBot="1" x14ac:dyDescent="0.25">
      <c r="A18" s="187"/>
      <c r="B18" s="581" t="s">
        <v>
160</v>
      </c>
      <c r="C18" s="510"/>
      <c r="D18" s="510"/>
      <c r="E18" s="582"/>
      <c r="F18" s="582"/>
      <c r="G18" s="582"/>
      <c r="H18" s="582"/>
      <c r="I18" s="582"/>
      <c r="J18" s="582"/>
      <c r="K18" s="582"/>
      <c r="L18" s="583">
        <v>
18.22</v>
      </c>
      <c r="M18" s="583"/>
      <c r="N18" s="583"/>
      <c r="O18" s="583"/>
      <c r="P18" s="583"/>
      <c r="Q18" s="583"/>
      <c r="R18" s="584"/>
      <c r="S18" s="584"/>
      <c r="T18" s="584"/>
      <c r="U18" s="584"/>
      <c r="V18" s="585"/>
      <c r="W18" s="485"/>
      <c r="X18" s="486"/>
      <c r="Y18" s="486"/>
      <c r="Z18" s="486"/>
      <c r="AA18" s="486"/>
      <c r="AB18" s="477"/>
      <c r="AC18" s="586">
        <v>
88.7</v>
      </c>
      <c r="AD18" s="587"/>
      <c r="AE18" s="587"/>
      <c r="AF18" s="587"/>
      <c r="AG18" s="588"/>
      <c r="AH18" s="586">
        <v>
89.1</v>
      </c>
      <c r="AI18" s="587"/>
      <c r="AJ18" s="587"/>
      <c r="AK18" s="587"/>
      <c r="AL18" s="589"/>
      <c r="AM18" s="496"/>
      <c r="AN18" s="497"/>
      <c r="AO18" s="497"/>
      <c r="AP18" s="497"/>
      <c r="AQ18" s="497"/>
      <c r="AR18" s="497"/>
      <c r="AS18" s="497"/>
      <c r="AT18" s="498"/>
      <c r="AU18" s="499"/>
      <c r="AV18" s="500"/>
      <c r="AW18" s="500"/>
      <c r="AX18" s="500"/>
      <c r="AY18" s="501" t="s">
        <v>
161</v>
      </c>
      <c r="AZ18" s="502"/>
      <c r="BA18" s="502"/>
      <c r="BB18" s="502"/>
      <c r="BC18" s="502"/>
      <c r="BD18" s="502"/>
      <c r="BE18" s="502"/>
      <c r="BF18" s="502"/>
      <c r="BG18" s="502"/>
      <c r="BH18" s="502"/>
      <c r="BI18" s="502"/>
      <c r="BJ18" s="502"/>
      <c r="BK18" s="502"/>
      <c r="BL18" s="502"/>
      <c r="BM18" s="503"/>
      <c r="BN18" s="467">
        <v>
76305798</v>
      </c>
      <c r="BO18" s="468"/>
      <c r="BP18" s="468"/>
      <c r="BQ18" s="468"/>
      <c r="BR18" s="468"/>
      <c r="BS18" s="468"/>
      <c r="BT18" s="468"/>
      <c r="BU18" s="469"/>
      <c r="BV18" s="467">
        <v>
73961182</v>
      </c>
      <c r="BW18" s="468"/>
      <c r="BX18" s="468"/>
      <c r="BY18" s="468"/>
      <c r="BZ18" s="468"/>
      <c r="CA18" s="468"/>
      <c r="CB18" s="468"/>
      <c r="CC18" s="469"/>
      <c r="CD18" s="201"/>
      <c r="CE18" s="577"/>
      <c r="CF18" s="577"/>
      <c r="CG18" s="577"/>
      <c r="CH18" s="577"/>
      <c r="CI18" s="577"/>
      <c r="CJ18" s="577"/>
      <c r="CK18" s="577"/>
      <c r="CL18" s="577"/>
      <c r="CM18" s="577"/>
      <c r="CN18" s="577"/>
      <c r="CO18" s="577"/>
      <c r="CP18" s="577"/>
      <c r="CQ18" s="577"/>
      <c r="CR18" s="577"/>
      <c r="CS18" s="578"/>
      <c r="CT18" s="464"/>
      <c r="CU18" s="465"/>
      <c r="CV18" s="465"/>
      <c r="CW18" s="465"/>
      <c r="CX18" s="465"/>
      <c r="CY18" s="465"/>
      <c r="CZ18" s="465"/>
      <c r="DA18" s="466"/>
      <c r="DB18" s="464"/>
      <c r="DC18" s="465"/>
      <c r="DD18" s="465"/>
      <c r="DE18" s="465"/>
      <c r="DF18" s="465"/>
      <c r="DG18" s="465"/>
      <c r="DH18" s="465"/>
      <c r="DI18" s="466"/>
      <c r="DJ18" s="186"/>
      <c r="DK18" s="186"/>
      <c r="DL18" s="186"/>
      <c r="DM18" s="186"/>
      <c r="DN18" s="186"/>
      <c r="DO18" s="186"/>
    </row>
    <row r="19" spans="1:119" ht="18.75" customHeight="1" thickBot="1" x14ac:dyDescent="0.25">
      <c r="A19" s="187"/>
      <c r="B19" s="581" t="s">
        <v>
162</v>
      </c>
      <c r="C19" s="510"/>
      <c r="D19" s="510"/>
      <c r="E19" s="582"/>
      <c r="F19" s="582"/>
      <c r="G19" s="582"/>
      <c r="H19" s="582"/>
      <c r="I19" s="582"/>
      <c r="J19" s="582"/>
      <c r="K19" s="582"/>
      <c r="L19" s="590">
        <v>
18307</v>
      </c>
      <c r="M19" s="590"/>
      <c r="N19" s="590"/>
      <c r="O19" s="590"/>
      <c r="P19" s="590"/>
      <c r="Q19" s="590"/>
      <c r="R19" s="591"/>
      <c r="S19" s="591"/>
      <c r="T19" s="591"/>
      <c r="U19" s="591"/>
      <c r="V19" s="592"/>
      <c r="W19" s="424"/>
      <c r="X19" s="425"/>
      <c r="Y19" s="425"/>
      <c r="Z19" s="425"/>
      <c r="AA19" s="425"/>
      <c r="AB19" s="425"/>
      <c r="AC19" s="599"/>
      <c r="AD19" s="599"/>
      <c r="AE19" s="599"/>
      <c r="AF19" s="599"/>
      <c r="AG19" s="599"/>
      <c r="AH19" s="599"/>
      <c r="AI19" s="599"/>
      <c r="AJ19" s="599"/>
      <c r="AK19" s="599"/>
      <c r="AL19" s="600"/>
      <c r="AM19" s="496"/>
      <c r="AN19" s="497"/>
      <c r="AO19" s="497"/>
      <c r="AP19" s="497"/>
      <c r="AQ19" s="497"/>
      <c r="AR19" s="497"/>
      <c r="AS19" s="497"/>
      <c r="AT19" s="498"/>
      <c r="AU19" s="499"/>
      <c r="AV19" s="500"/>
      <c r="AW19" s="500"/>
      <c r="AX19" s="500"/>
      <c r="AY19" s="501" t="s">
        <v>
163</v>
      </c>
      <c r="AZ19" s="502"/>
      <c r="BA19" s="502"/>
      <c r="BB19" s="502"/>
      <c r="BC19" s="502"/>
      <c r="BD19" s="502"/>
      <c r="BE19" s="502"/>
      <c r="BF19" s="502"/>
      <c r="BG19" s="502"/>
      <c r="BH19" s="502"/>
      <c r="BI19" s="502"/>
      <c r="BJ19" s="502"/>
      <c r="BK19" s="502"/>
      <c r="BL19" s="502"/>
      <c r="BM19" s="503"/>
      <c r="BN19" s="467">
        <v>
100796733</v>
      </c>
      <c r="BO19" s="468"/>
      <c r="BP19" s="468"/>
      <c r="BQ19" s="468"/>
      <c r="BR19" s="468"/>
      <c r="BS19" s="468"/>
      <c r="BT19" s="468"/>
      <c r="BU19" s="469"/>
      <c r="BV19" s="467">
        <v>
100345216</v>
      </c>
      <c r="BW19" s="468"/>
      <c r="BX19" s="468"/>
      <c r="BY19" s="468"/>
      <c r="BZ19" s="468"/>
      <c r="CA19" s="468"/>
      <c r="CB19" s="468"/>
      <c r="CC19" s="469"/>
      <c r="CD19" s="201"/>
      <c r="CE19" s="577"/>
      <c r="CF19" s="577"/>
      <c r="CG19" s="577"/>
      <c r="CH19" s="577"/>
      <c r="CI19" s="577"/>
      <c r="CJ19" s="577"/>
      <c r="CK19" s="577"/>
      <c r="CL19" s="577"/>
      <c r="CM19" s="577"/>
      <c r="CN19" s="577"/>
      <c r="CO19" s="577"/>
      <c r="CP19" s="577"/>
      <c r="CQ19" s="577"/>
      <c r="CR19" s="577"/>
      <c r="CS19" s="578"/>
      <c r="CT19" s="464"/>
      <c r="CU19" s="465"/>
      <c r="CV19" s="465"/>
      <c r="CW19" s="465"/>
      <c r="CX19" s="465"/>
      <c r="CY19" s="465"/>
      <c r="CZ19" s="465"/>
      <c r="DA19" s="466"/>
      <c r="DB19" s="464"/>
      <c r="DC19" s="465"/>
      <c r="DD19" s="465"/>
      <c r="DE19" s="465"/>
      <c r="DF19" s="465"/>
      <c r="DG19" s="465"/>
      <c r="DH19" s="465"/>
      <c r="DI19" s="466"/>
      <c r="DJ19" s="186"/>
      <c r="DK19" s="186"/>
      <c r="DL19" s="186"/>
      <c r="DM19" s="186"/>
      <c r="DN19" s="186"/>
      <c r="DO19" s="186"/>
    </row>
    <row r="20" spans="1:119" ht="18.75" customHeight="1" thickBot="1" x14ac:dyDescent="0.25">
      <c r="A20" s="187"/>
      <c r="B20" s="581" t="s">
        <v>
164</v>
      </c>
      <c r="C20" s="510"/>
      <c r="D20" s="510"/>
      <c r="E20" s="582"/>
      <c r="F20" s="582"/>
      <c r="G20" s="582"/>
      <c r="H20" s="582"/>
      <c r="I20" s="582"/>
      <c r="J20" s="582"/>
      <c r="K20" s="582"/>
      <c r="L20" s="590">
        <v>
204989</v>
      </c>
      <c r="M20" s="590"/>
      <c r="N20" s="590"/>
      <c r="O20" s="590"/>
      <c r="P20" s="590"/>
      <c r="Q20" s="590"/>
      <c r="R20" s="591"/>
      <c r="S20" s="591"/>
      <c r="T20" s="591"/>
      <c r="U20" s="591"/>
      <c r="V20" s="592"/>
      <c r="W20" s="485"/>
      <c r="X20" s="486"/>
      <c r="Y20" s="486"/>
      <c r="Z20" s="486"/>
      <c r="AA20" s="486"/>
      <c r="AB20" s="486"/>
      <c r="AC20" s="593"/>
      <c r="AD20" s="593"/>
      <c r="AE20" s="593"/>
      <c r="AF20" s="593"/>
      <c r="AG20" s="593"/>
      <c r="AH20" s="593"/>
      <c r="AI20" s="593"/>
      <c r="AJ20" s="593"/>
      <c r="AK20" s="593"/>
      <c r="AL20" s="594"/>
      <c r="AM20" s="595"/>
      <c r="AN20" s="522"/>
      <c r="AO20" s="522"/>
      <c r="AP20" s="522"/>
      <c r="AQ20" s="522"/>
      <c r="AR20" s="522"/>
      <c r="AS20" s="522"/>
      <c r="AT20" s="523"/>
      <c r="AU20" s="596"/>
      <c r="AV20" s="597"/>
      <c r="AW20" s="597"/>
      <c r="AX20" s="598"/>
      <c r="AY20" s="501"/>
      <c r="AZ20" s="502"/>
      <c r="BA20" s="502"/>
      <c r="BB20" s="502"/>
      <c r="BC20" s="502"/>
      <c r="BD20" s="502"/>
      <c r="BE20" s="502"/>
      <c r="BF20" s="502"/>
      <c r="BG20" s="502"/>
      <c r="BH20" s="502"/>
      <c r="BI20" s="502"/>
      <c r="BJ20" s="502"/>
      <c r="BK20" s="502"/>
      <c r="BL20" s="502"/>
      <c r="BM20" s="503"/>
      <c r="BN20" s="467"/>
      <c r="BO20" s="468"/>
      <c r="BP20" s="468"/>
      <c r="BQ20" s="468"/>
      <c r="BR20" s="468"/>
      <c r="BS20" s="468"/>
      <c r="BT20" s="468"/>
      <c r="BU20" s="469"/>
      <c r="BV20" s="467"/>
      <c r="BW20" s="468"/>
      <c r="BX20" s="468"/>
      <c r="BY20" s="468"/>
      <c r="BZ20" s="468"/>
      <c r="CA20" s="468"/>
      <c r="CB20" s="468"/>
      <c r="CC20" s="469"/>
      <c r="CD20" s="201"/>
      <c r="CE20" s="577"/>
      <c r="CF20" s="577"/>
      <c r="CG20" s="577"/>
      <c r="CH20" s="577"/>
      <c r="CI20" s="577"/>
      <c r="CJ20" s="577"/>
      <c r="CK20" s="577"/>
      <c r="CL20" s="577"/>
      <c r="CM20" s="577"/>
      <c r="CN20" s="577"/>
      <c r="CO20" s="577"/>
      <c r="CP20" s="577"/>
      <c r="CQ20" s="577"/>
      <c r="CR20" s="577"/>
      <c r="CS20" s="578"/>
      <c r="CT20" s="464"/>
      <c r="CU20" s="465"/>
      <c r="CV20" s="465"/>
      <c r="CW20" s="465"/>
      <c r="CX20" s="465"/>
      <c r="CY20" s="465"/>
      <c r="CZ20" s="465"/>
      <c r="DA20" s="466"/>
      <c r="DB20" s="464"/>
      <c r="DC20" s="465"/>
      <c r="DD20" s="465"/>
      <c r="DE20" s="465"/>
      <c r="DF20" s="465"/>
      <c r="DG20" s="465"/>
      <c r="DH20" s="465"/>
      <c r="DI20" s="466"/>
      <c r="DJ20" s="186"/>
      <c r="DK20" s="186"/>
      <c r="DL20" s="186"/>
      <c r="DM20" s="186"/>
      <c r="DN20" s="186"/>
      <c r="DO20" s="186"/>
    </row>
    <row r="21" spans="1:119" ht="18.75" customHeight="1" x14ac:dyDescent="0.2">
      <c r="A21" s="187"/>
      <c r="B21" s="601" t="s">
        <v>
165</v>
      </c>
      <c r="C21" s="602"/>
      <c r="D21" s="602"/>
      <c r="E21" s="602"/>
      <c r="F21" s="602"/>
      <c r="G21" s="602"/>
      <c r="H21" s="602"/>
      <c r="I21" s="602"/>
      <c r="J21" s="602"/>
      <c r="K21" s="602"/>
      <c r="L21" s="602"/>
      <c r="M21" s="602"/>
      <c r="N21" s="602"/>
      <c r="O21" s="602"/>
      <c r="P21" s="602"/>
      <c r="Q21" s="602"/>
      <c r="R21" s="602"/>
      <c r="S21" s="602"/>
      <c r="T21" s="602"/>
      <c r="U21" s="602"/>
      <c r="V21" s="602"/>
      <c r="W21" s="602"/>
      <c r="X21" s="602"/>
      <c r="Y21" s="602"/>
      <c r="Z21" s="602"/>
      <c r="AA21" s="602"/>
      <c r="AB21" s="602"/>
      <c r="AC21" s="602"/>
      <c r="AD21" s="602"/>
      <c r="AE21" s="602"/>
      <c r="AF21" s="602"/>
      <c r="AG21" s="602"/>
      <c r="AH21" s="602"/>
      <c r="AI21" s="602"/>
      <c r="AJ21" s="602"/>
      <c r="AK21" s="602"/>
      <c r="AL21" s="602"/>
      <c r="AM21" s="602"/>
      <c r="AN21" s="602"/>
      <c r="AO21" s="602"/>
      <c r="AP21" s="602"/>
      <c r="AQ21" s="602"/>
      <c r="AR21" s="602"/>
      <c r="AS21" s="602"/>
      <c r="AT21" s="602"/>
      <c r="AU21" s="602"/>
      <c r="AV21" s="602"/>
      <c r="AW21" s="602"/>
      <c r="AX21" s="603"/>
      <c r="AY21" s="501"/>
      <c r="AZ21" s="502"/>
      <c r="BA21" s="502"/>
      <c r="BB21" s="502"/>
      <c r="BC21" s="502"/>
      <c r="BD21" s="502"/>
      <c r="BE21" s="502"/>
      <c r="BF21" s="502"/>
      <c r="BG21" s="502"/>
      <c r="BH21" s="502"/>
      <c r="BI21" s="502"/>
      <c r="BJ21" s="502"/>
      <c r="BK21" s="502"/>
      <c r="BL21" s="502"/>
      <c r="BM21" s="503"/>
      <c r="BN21" s="467"/>
      <c r="BO21" s="468"/>
      <c r="BP21" s="468"/>
      <c r="BQ21" s="468"/>
      <c r="BR21" s="468"/>
      <c r="BS21" s="468"/>
      <c r="BT21" s="468"/>
      <c r="BU21" s="469"/>
      <c r="BV21" s="467"/>
      <c r="BW21" s="468"/>
      <c r="BX21" s="468"/>
      <c r="BY21" s="468"/>
      <c r="BZ21" s="468"/>
      <c r="CA21" s="468"/>
      <c r="CB21" s="468"/>
      <c r="CC21" s="469"/>
      <c r="CD21" s="201"/>
      <c r="CE21" s="577"/>
      <c r="CF21" s="577"/>
      <c r="CG21" s="577"/>
      <c r="CH21" s="577"/>
      <c r="CI21" s="577"/>
      <c r="CJ21" s="577"/>
      <c r="CK21" s="577"/>
      <c r="CL21" s="577"/>
      <c r="CM21" s="577"/>
      <c r="CN21" s="577"/>
      <c r="CO21" s="577"/>
      <c r="CP21" s="577"/>
      <c r="CQ21" s="577"/>
      <c r="CR21" s="577"/>
      <c r="CS21" s="578"/>
      <c r="CT21" s="464"/>
      <c r="CU21" s="465"/>
      <c r="CV21" s="465"/>
      <c r="CW21" s="465"/>
      <c r="CX21" s="465"/>
      <c r="CY21" s="465"/>
      <c r="CZ21" s="465"/>
      <c r="DA21" s="466"/>
      <c r="DB21" s="464"/>
      <c r="DC21" s="465"/>
      <c r="DD21" s="465"/>
      <c r="DE21" s="465"/>
      <c r="DF21" s="465"/>
      <c r="DG21" s="465"/>
      <c r="DH21" s="465"/>
      <c r="DI21" s="466"/>
      <c r="DJ21" s="186"/>
      <c r="DK21" s="186"/>
      <c r="DL21" s="186"/>
      <c r="DM21" s="186"/>
      <c r="DN21" s="186"/>
      <c r="DO21" s="186"/>
    </row>
    <row r="22" spans="1:119" ht="18.75" customHeight="1" thickBot="1" x14ac:dyDescent="0.25">
      <c r="A22" s="187"/>
      <c r="B22" s="604" t="s">
        <v>
166</v>
      </c>
      <c r="C22" s="605"/>
      <c r="D22" s="606"/>
      <c r="E22" s="479" t="s">
        <v>
1</v>
      </c>
      <c r="F22" s="484"/>
      <c r="G22" s="484"/>
      <c r="H22" s="484"/>
      <c r="I22" s="484"/>
      <c r="J22" s="484"/>
      <c r="K22" s="474"/>
      <c r="L22" s="479" t="s">
        <v>
167</v>
      </c>
      <c r="M22" s="484"/>
      <c r="N22" s="484"/>
      <c r="O22" s="484"/>
      <c r="P22" s="474"/>
      <c r="Q22" s="613" t="s">
        <v>
168</v>
      </c>
      <c r="R22" s="614"/>
      <c r="S22" s="614"/>
      <c r="T22" s="614"/>
      <c r="U22" s="614"/>
      <c r="V22" s="615"/>
      <c r="W22" s="619" t="s">
        <v>
169</v>
      </c>
      <c r="X22" s="605"/>
      <c r="Y22" s="606"/>
      <c r="Z22" s="479" t="s">
        <v>
1</v>
      </c>
      <c r="AA22" s="484"/>
      <c r="AB22" s="484"/>
      <c r="AC22" s="484"/>
      <c r="AD22" s="484"/>
      <c r="AE22" s="484"/>
      <c r="AF22" s="484"/>
      <c r="AG22" s="474"/>
      <c r="AH22" s="632" t="s">
        <v>
170</v>
      </c>
      <c r="AI22" s="484"/>
      <c r="AJ22" s="484"/>
      <c r="AK22" s="484"/>
      <c r="AL22" s="474"/>
      <c r="AM22" s="632" t="s">
        <v>
171</v>
      </c>
      <c r="AN22" s="633"/>
      <c r="AO22" s="633"/>
      <c r="AP22" s="633"/>
      <c r="AQ22" s="633"/>
      <c r="AR22" s="634"/>
      <c r="AS22" s="613" t="s">
        <v>
168</v>
      </c>
      <c r="AT22" s="614"/>
      <c r="AU22" s="614"/>
      <c r="AV22" s="614"/>
      <c r="AW22" s="614"/>
      <c r="AX22" s="638"/>
      <c r="AY22" s="640"/>
      <c r="AZ22" s="641"/>
      <c r="BA22" s="641"/>
      <c r="BB22" s="641"/>
      <c r="BC22" s="641"/>
      <c r="BD22" s="641"/>
      <c r="BE22" s="641"/>
      <c r="BF22" s="641"/>
      <c r="BG22" s="641"/>
      <c r="BH22" s="641"/>
      <c r="BI22" s="641"/>
      <c r="BJ22" s="641"/>
      <c r="BK22" s="641"/>
      <c r="BL22" s="641"/>
      <c r="BM22" s="642"/>
      <c r="BN22" s="643"/>
      <c r="BO22" s="644"/>
      <c r="BP22" s="644"/>
      <c r="BQ22" s="644"/>
      <c r="BR22" s="644"/>
      <c r="BS22" s="644"/>
      <c r="BT22" s="644"/>
      <c r="BU22" s="645"/>
      <c r="BV22" s="643"/>
      <c r="BW22" s="644"/>
      <c r="BX22" s="644"/>
      <c r="BY22" s="644"/>
      <c r="BZ22" s="644"/>
      <c r="CA22" s="644"/>
      <c r="CB22" s="644"/>
      <c r="CC22" s="645"/>
      <c r="CD22" s="201"/>
      <c r="CE22" s="577"/>
      <c r="CF22" s="577"/>
      <c r="CG22" s="577"/>
      <c r="CH22" s="577"/>
      <c r="CI22" s="577"/>
      <c r="CJ22" s="577"/>
      <c r="CK22" s="577"/>
      <c r="CL22" s="577"/>
      <c r="CM22" s="577"/>
      <c r="CN22" s="577"/>
      <c r="CO22" s="577"/>
      <c r="CP22" s="577"/>
      <c r="CQ22" s="577"/>
      <c r="CR22" s="577"/>
      <c r="CS22" s="578"/>
      <c r="CT22" s="464"/>
      <c r="CU22" s="465"/>
      <c r="CV22" s="465"/>
      <c r="CW22" s="465"/>
      <c r="CX22" s="465"/>
      <c r="CY22" s="465"/>
      <c r="CZ22" s="465"/>
      <c r="DA22" s="466"/>
      <c r="DB22" s="464"/>
      <c r="DC22" s="465"/>
      <c r="DD22" s="465"/>
      <c r="DE22" s="465"/>
      <c r="DF22" s="465"/>
      <c r="DG22" s="465"/>
      <c r="DH22" s="465"/>
      <c r="DI22" s="466"/>
      <c r="DJ22" s="186"/>
      <c r="DK22" s="186"/>
      <c r="DL22" s="186"/>
      <c r="DM22" s="186"/>
      <c r="DN22" s="186"/>
      <c r="DO22" s="186"/>
    </row>
    <row r="23" spans="1:119" ht="18.75" customHeight="1" x14ac:dyDescent="0.2">
      <c r="A23" s="187"/>
      <c r="B23" s="607"/>
      <c r="C23" s="608"/>
      <c r="D23" s="609"/>
      <c r="E23" s="453"/>
      <c r="F23" s="458"/>
      <c r="G23" s="458"/>
      <c r="H23" s="458"/>
      <c r="I23" s="458"/>
      <c r="J23" s="458"/>
      <c r="K23" s="447"/>
      <c r="L23" s="453"/>
      <c r="M23" s="458"/>
      <c r="N23" s="458"/>
      <c r="O23" s="458"/>
      <c r="P23" s="447"/>
      <c r="Q23" s="616"/>
      <c r="R23" s="617"/>
      <c r="S23" s="617"/>
      <c r="T23" s="617"/>
      <c r="U23" s="617"/>
      <c r="V23" s="618"/>
      <c r="W23" s="620"/>
      <c r="X23" s="608"/>
      <c r="Y23" s="609"/>
      <c r="Z23" s="453"/>
      <c r="AA23" s="458"/>
      <c r="AB23" s="458"/>
      <c r="AC23" s="458"/>
      <c r="AD23" s="458"/>
      <c r="AE23" s="458"/>
      <c r="AF23" s="458"/>
      <c r="AG23" s="447"/>
      <c r="AH23" s="453"/>
      <c r="AI23" s="458"/>
      <c r="AJ23" s="458"/>
      <c r="AK23" s="458"/>
      <c r="AL23" s="447"/>
      <c r="AM23" s="635"/>
      <c r="AN23" s="636"/>
      <c r="AO23" s="636"/>
      <c r="AP23" s="636"/>
      <c r="AQ23" s="636"/>
      <c r="AR23" s="637"/>
      <c r="AS23" s="616"/>
      <c r="AT23" s="617"/>
      <c r="AU23" s="617"/>
      <c r="AV23" s="617"/>
      <c r="AW23" s="617"/>
      <c r="AX23" s="639"/>
      <c r="AY23" s="427" t="s">
        <v>
172</v>
      </c>
      <c r="AZ23" s="428"/>
      <c r="BA23" s="428"/>
      <c r="BB23" s="428"/>
      <c r="BC23" s="428"/>
      <c r="BD23" s="428"/>
      <c r="BE23" s="428"/>
      <c r="BF23" s="428"/>
      <c r="BG23" s="428"/>
      <c r="BH23" s="428"/>
      <c r="BI23" s="428"/>
      <c r="BJ23" s="428"/>
      <c r="BK23" s="428"/>
      <c r="BL23" s="428"/>
      <c r="BM23" s="429"/>
      <c r="BN23" s="467">
        <v>
18638011</v>
      </c>
      <c r="BO23" s="468"/>
      <c r="BP23" s="468"/>
      <c r="BQ23" s="468"/>
      <c r="BR23" s="468"/>
      <c r="BS23" s="468"/>
      <c r="BT23" s="468"/>
      <c r="BU23" s="469"/>
      <c r="BV23" s="467">
        <v>
19947098</v>
      </c>
      <c r="BW23" s="468"/>
      <c r="BX23" s="468"/>
      <c r="BY23" s="468"/>
      <c r="BZ23" s="468"/>
      <c r="CA23" s="468"/>
      <c r="CB23" s="468"/>
      <c r="CC23" s="469"/>
      <c r="CD23" s="201"/>
      <c r="CE23" s="577"/>
      <c r="CF23" s="577"/>
      <c r="CG23" s="577"/>
      <c r="CH23" s="577"/>
      <c r="CI23" s="577"/>
      <c r="CJ23" s="577"/>
      <c r="CK23" s="577"/>
      <c r="CL23" s="577"/>
      <c r="CM23" s="577"/>
      <c r="CN23" s="577"/>
      <c r="CO23" s="577"/>
      <c r="CP23" s="577"/>
      <c r="CQ23" s="577"/>
      <c r="CR23" s="577"/>
      <c r="CS23" s="578"/>
      <c r="CT23" s="464"/>
      <c r="CU23" s="465"/>
      <c r="CV23" s="465"/>
      <c r="CW23" s="465"/>
      <c r="CX23" s="465"/>
      <c r="CY23" s="465"/>
      <c r="CZ23" s="465"/>
      <c r="DA23" s="466"/>
      <c r="DB23" s="464"/>
      <c r="DC23" s="465"/>
      <c r="DD23" s="465"/>
      <c r="DE23" s="465"/>
      <c r="DF23" s="465"/>
      <c r="DG23" s="465"/>
      <c r="DH23" s="465"/>
      <c r="DI23" s="466"/>
      <c r="DJ23" s="186"/>
      <c r="DK23" s="186"/>
      <c r="DL23" s="186"/>
      <c r="DM23" s="186"/>
      <c r="DN23" s="186"/>
      <c r="DO23" s="186"/>
    </row>
    <row r="24" spans="1:119" ht="18.75" customHeight="1" thickBot="1" x14ac:dyDescent="0.25">
      <c r="A24" s="187"/>
      <c r="B24" s="607"/>
      <c r="C24" s="608"/>
      <c r="D24" s="609"/>
      <c r="E24" s="517" t="s">
        <v>
173</v>
      </c>
      <c r="F24" s="497"/>
      <c r="G24" s="497"/>
      <c r="H24" s="497"/>
      <c r="I24" s="497"/>
      <c r="J24" s="497"/>
      <c r="K24" s="498"/>
      <c r="L24" s="518">
        <v>
1</v>
      </c>
      <c r="M24" s="519"/>
      <c r="N24" s="519"/>
      <c r="O24" s="519"/>
      <c r="P24" s="561"/>
      <c r="Q24" s="518">
        <v>
11610</v>
      </c>
      <c r="R24" s="519"/>
      <c r="S24" s="519"/>
      <c r="T24" s="519"/>
      <c r="U24" s="519"/>
      <c r="V24" s="561"/>
      <c r="W24" s="620"/>
      <c r="X24" s="608"/>
      <c r="Y24" s="609"/>
      <c r="Z24" s="517" t="s">
        <v>
174</v>
      </c>
      <c r="AA24" s="497"/>
      <c r="AB24" s="497"/>
      <c r="AC24" s="497"/>
      <c r="AD24" s="497"/>
      <c r="AE24" s="497"/>
      <c r="AF24" s="497"/>
      <c r="AG24" s="498"/>
      <c r="AH24" s="518">
        <v>
2556</v>
      </c>
      <c r="AI24" s="519"/>
      <c r="AJ24" s="519"/>
      <c r="AK24" s="519"/>
      <c r="AL24" s="561"/>
      <c r="AM24" s="518">
        <v>
7611768</v>
      </c>
      <c r="AN24" s="519"/>
      <c r="AO24" s="519"/>
      <c r="AP24" s="519"/>
      <c r="AQ24" s="519"/>
      <c r="AR24" s="561"/>
      <c r="AS24" s="518">
        <v>
2978</v>
      </c>
      <c r="AT24" s="519"/>
      <c r="AU24" s="519"/>
      <c r="AV24" s="519"/>
      <c r="AW24" s="519"/>
      <c r="AX24" s="520"/>
      <c r="AY24" s="640" t="s">
        <v>
175</v>
      </c>
      <c r="AZ24" s="641"/>
      <c r="BA24" s="641"/>
      <c r="BB24" s="641"/>
      <c r="BC24" s="641"/>
      <c r="BD24" s="641"/>
      <c r="BE24" s="641"/>
      <c r="BF24" s="641"/>
      <c r="BG24" s="641"/>
      <c r="BH24" s="641"/>
      <c r="BI24" s="641"/>
      <c r="BJ24" s="641"/>
      <c r="BK24" s="641"/>
      <c r="BL24" s="641"/>
      <c r="BM24" s="642"/>
      <c r="BN24" s="467">
        <v>
12369117</v>
      </c>
      <c r="BO24" s="468"/>
      <c r="BP24" s="468"/>
      <c r="BQ24" s="468"/>
      <c r="BR24" s="468"/>
      <c r="BS24" s="468"/>
      <c r="BT24" s="468"/>
      <c r="BU24" s="469"/>
      <c r="BV24" s="467">
        <v>
13759001</v>
      </c>
      <c r="BW24" s="468"/>
      <c r="BX24" s="468"/>
      <c r="BY24" s="468"/>
      <c r="BZ24" s="468"/>
      <c r="CA24" s="468"/>
      <c r="CB24" s="468"/>
      <c r="CC24" s="469"/>
      <c r="CD24" s="201"/>
      <c r="CE24" s="577"/>
      <c r="CF24" s="577"/>
      <c r="CG24" s="577"/>
      <c r="CH24" s="577"/>
      <c r="CI24" s="577"/>
      <c r="CJ24" s="577"/>
      <c r="CK24" s="577"/>
      <c r="CL24" s="577"/>
      <c r="CM24" s="577"/>
      <c r="CN24" s="577"/>
      <c r="CO24" s="577"/>
      <c r="CP24" s="577"/>
      <c r="CQ24" s="577"/>
      <c r="CR24" s="577"/>
      <c r="CS24" s="578"/>
      <c r="CT24" s="464"/>
      <c r="CU24" s="465"/>
      <c r="CV24" s="465"/>
      <c r="CW24" s="465"/>
      <c r="CX24" s="465"/>
      <c r="CY24" s="465"/>
      <c r="CZ24" s="465"/>
      <c r="DA24" s="466"/>
      <c r="DB24" s="464"/>
      <c r="DC24" s="465"/>
      <c r="DD24" s="465"/>
      <c r="DE24" s="465"/>
      <c r="DF24" s="465"/>
      <c r="DG24" s="465"/>
      <c r="DH24" s="465"/>
      <c r="DI24" s="466"/>
      <c r="DJ24" s="186"/>
      <c r="DK24" s="186"/>
      <c r="DL24" s="186"/>
      <c r="DM24" s="186"/>
      <c r="DN24" s="186"/>
      <c r="DO24" s="186"/>
    </row>
    <row r="25" spans="1:119" s="186" customFormat="1" ht="18.75" customHeight="1" x14ac:dyDescent="0.2">
      <c r="A25" s="187"/>
      <c r="B25" s="607"/>
      <c r="C25" s="608"/>
      <c r="D25" s="609"/>
      <c r="E25" s="517" t="s">
        <v>
176</v>
      </c>
      <c r="F25" s="497"/>
      <c r="G25" s="497"/>
      <c r="H25" s="497"/>
      <c r="I25" s="497"/>
      <c r="J25" s="497"/>
      <c r="K25" s="498"/>
      <c r="L25" s="518">
        <v>
2</v>
      </c>
      <c r="M25" s="519"/>
      <c r="N25" s="519"/>
      <c r="O25" s="519"/>
      <c r="P25" s="561"/>
      <c r="Q25" s="518">
        <v>
9310</v>
      </c>
      <c r="R25" s="519"/>
      <c r="S25" s="519"/>
      <c r="T25" s="519"/>
      <c r="U25" s="519"/>
      <c r="V25" s="561"/>
      <c r="W25" s="620"/>
      <c r="X25" s="608"/>
      <c r="Y25" s="609"/>
      <c r="Z25" s="517" t="s">
        <v>
177</v>
      </c>
      <c r="AA25" s="497"/>
      <c r="AB25" s="497"/>
      <c r="AC25" s="497"/>
      <c r="AD25" s="497"/>
      <c r="AE25" s="497"/>
      <c r="AF25" s="497"/>
      <c r="AG25" s="498"/>
      <c r="AH25" s="518" t="s">
        <v>
148</v>
      </c>
      <c r="AI25" s="519"/>
      <c r="AJ25" s="519"/>
      <c r="AK25" s="519"/>
      <c r="AL25" s="561"/>
      <c r="AM25" s="518" t="s">
        <v>
178</v>
      </c>
      <c r="AN25" s="519"/>
      <c r="AO25" s="519"/>
      <c r="AP25" s="519"/>
      <c r="AQ25" s="519"/>
      <c r="AR25" s="561"/>
      <c r="AS25" s="518" t="s">
        <v>
179</v>
      </c>
      <c r="AT25" s="519"/>
      <c r="AU25" s="519"/>
      <c r="AV25" s="519"/>
      <c r="AW25" s="519"/>
      <c r="AX25" s="520"/>
      <c r="AY25" s="427" t="s">
        <v>
180</v>
      </c>
      <c r="AZ25" s="428"/>
      <c r="BA25" s="428"/>
      <c r="BB25" s="428"/>
      <c r="BC25" s="428"/>
      <c r="BD25" s="428"/>
      <c r="BE25" s="428"/>
      <c r="BF25" s="428"/>
      <c r="BG25" s="428"/>
      <c r="BH25" s="428"/>
      <c r="BI25" s="428"/>
      <c r="BJ25" s="428"/>
      <c r="BK25" s="428"/>
      <c r="BL25" s="428"/>
      <c r="BM25" s="429"/>
      <c r="BN25" s="430">
        <v>
2225341</v>
      </c>
      <c r="BO25" s="431"/>
      <c r="BP25" s="431"/>
      <c r="BQ25" s="431"/>
      <c r="BR25" s="431"/>
      <c r="BS25" s="431"/>
      <c r="BT25" s="431"/>
      <c r="BU25" s="432"/>
      <c r="BV25" s="430">
        <v>
1211837</v>
      </c>
      <c r="BW25" s="431"/>
      <c r="BX25" s="431"/>
      <c r="BY25" s="431"/>
      <c r="BZ25" s="431"/>
      <c r="CA25" s="431"/>
      <c r="CB25" s="431"/>
      <c r="CC25" s="432"/>
      <c r="CD25" s="201"/>
      <c r="CE25" s="577"/>
      <c r="CF25" s="577"/>
      <c r="CG25" s="577"/>
      <c r="CH25" s="577"/>
      <c r="CI25" s="577"/>
      <c r="CJ25" s="577"/>
      <c r="CK25" s="577"/>
      <c r="CL25" s="577"/>
      <c r="CM25" s="577"/>
      <c r="CN25" s="577"/>
      <c r="CO25" s="577"/>
      <c r="CP25" s="577"/>
      <c r="CQ25" s="577"/>
      <c r="CR25" s="577"/>
      <c r="CS25" s="578"/>
      <c r="CT25" s="464"/>
      <c r="CU25" s="465"/>
      <c r="CV25" s="465"/>
      <c r="CW25" s="465"/>
      <c r="CX25" s="465"/>
      <c r="CY25" s="465"/>
      <c r="CZ25" s="465"/>
      <c r="DA25" s="466"/>
      <c r="DB25" s="464"/>
      <c r="DC25" s="465"/>
      <c r="DD25" s="465"/>
      <c r="DE25" s="465"/>
      <c r="DF25" s="465"/>
      <c r="DG25" s="465"/>
      <c r="DH25" s="465"/>
      <c r="DI25" s="466"/>
    </row>
    <row r="26" spans="1:119" s="186" customFormat="1" ht="18.75" customHeight="1" x14ac:dyDescent="0.2">
      <c r="A26" s="187"/>
      <c r="B26" s="607"/>
      <c r="C26" s="608"/>
      <c r="D26" s="609"/>
      <c r="E26" s="517" t="s">
        <v>
181</v>
      </c>
      <c r="F26" s="497"/>
      <c r="G26" s="497"/>
      <c r="H26" s="497"/>
      <c r="I26" s="497"/>
      <c r="J26" s="497"/>
      <c r="K26" s="498"/>
      <c r="L26" s="518">
        <v>
1</v>
      </c>
      <c r="M26" s="519"/>
      <c r="N26" s="519"/>
      <c r="O26" s="519"/>
      <c r="P26" s="561"/>
      <c r="Q26" s="518">
        <v>
7930</v>
      </c>
      <c r="R26" s="519"/>
      <c r="S26" s="519"/>
      <c r="T26" s="519"/>
      <c r="U26" s="519"/>
      <c r="V26" s="561"/>
      <c r="W26" s="620"/>
      <c r="X26" s="608"/>
      <c r="Y26" s="609"/>
      <c r="Z26" s="517" t="s">
        <v>
182</v>
      </c>
      <c r="AA26" s="630"/>
      <c r="AB26" s="630"/>
      <c r="AC26" s="630"/>
      <c r="AD26" s="630"/>
      <c r="AE26" s="630"/>
      <c r="AF26" s="630"/>
      <c r="AG26" s="631"/>
      <c r="AH26" s="518">
        <v>
269</v>
      </c>
      <c r="AI26" s="519"/>
      <c r="AJ26" s="519"/>
      <c r="AK26" s="519"/>
      <c r="AL26" s="561"/>
      <c r="AM26" s="518">
        <v>
787094</v>
      </c>
      <c r="AN26" s="519"/>
      <c r="AO26" s="519"/>
      <c r="AP26" s="519"/>
      <c r="AQ26" s="519"/>
      <c r="AR26" s="561"/>
      <c r="AS26" s="518">
        <v>
2926</v>
      </c>
      <c r="AT26" s="519"/>
      <c r="AU26" s="519"/>
      <c r="AV26" s="519"/>
      <c r="AW26" s="519"/>
      <c r="AX26" s="520"/>
      <c r="AY26" s="470" t="s">
        <v>
183</v>
      </c>
      <c r="AZ26" s="471"/>
      <c r="BA26" s="471"/>
      <c r="BB26" s="471"/>
      <c r="BC26" s="471"/>
      <c r="BD26" s="471"/>
      <c r="BE26" s="471"/>
      <c r="BF26" s="471"/>
      <c r="BG26" s="471"/>
      <c r="BH26" s="471"/>
      <c r="BI26" s="471"/>
      <c r="BJ26" s="471"/>
      <c r="BK26" s="471"/>
      <c r="BL26" s="471"/>
      <c r="BM26" s="472"/>
      <c r="BN26" s="467">
        <v>
150000</v>
      </c>
      <c r="BO26" s="468"/>
      <c r="BP26" s="468"/>
      <c r="BQ26" s="468"/>
      <c r="BR26" s="468"/>
      <c r="BS26" s="468"/>
      <c r="BT26" s="468"/>
      <c r="BU26" s="469"/>
      <c r="BV26" s="467">
        <v>
100000</v>
      </c>
      <c r="BW26" s="468"/>
      <c r="BX26" s="468"/>
      <c r="BY26" s="468"/>
      <c r="BZ26" s="468"/>
      <c r="CA26" s="468"/>
      <c r="CB26" s="468"/>
      <c r="CC26" s="469"/>
      <c r="CD26" s="201"/>
      <c r="CE26" s="577"/>
      <c r="CF26" s="577"/>
      <c r="CG26" s="577"/>
      <c r="CH26" s="577"/>
      <c r="CI26" s="577"/>
      <c r="CJ26" s="577"/>
      <c r="CK26" s="577"/>
      <c r="CL26" s="577"/>
      <c r="CM26" s="577"/>
      <c r="CN26" s="577"/>
      <c r="CO26" s="577"/>
      <c r="CP26" s="577"/>
      <c r="CQ26" s="577"/>
      <c r="CR26" s="577"/>
      <c r="CS26" s="578"/>
      <c r="CT26" s="464"/>
      <c r="CU26" s="465"/>
      <c r="CV26" s="465"/>
      <c r="CW26" s="465"/>
      <c r="CX26" s="465"/>
      <c r="CY26" s="465"/>
      <c r="CZ26" s="465"/>
      <c r="DA26" s="466"/>
      <c r="DB26" s="464"/>
      <c r="DC26" s="465"/>
      <c r="DD26" s="465"/>
      <c r="DE26" s="465"/>
      <c r="DF26" s="465"/>
      <c r="DG26" s="465"/>
      <c r="DH26" s="465"/>
      <c r="DI26" s="466"/>
    </row>
    <row r="27" spans="1:119" ht="18.75" customHeight="1" thickBot="1" x14ac:dyDescent="0.25">
      <c r="A27" s="187"/>
      <c r="B27" s="607"/>
      <c r="C27" s="608"/>
      <c r="D27" s="609"/>
      <c r="E27" s="517" t="s">
        <v>
184</v>
      </c>
      <c r="F27" s="497"/>
      <c r="G27" s="497"/>
      <c r="H27" s="497"/>
      <c r="I27" s="497"/>
      <c r="J27" s="497"/>
      <c r="K27" s="498"/>
      <c r="L27" s="518">
        <v>
1</v>
      </c>
      <c r="M27" s="519"/>
      <c r="N27" s="519"/>
      <c r="O27" s="519"/>
      <c r="P27" s="561"/>
      <c r="Q27" s="518">
        <v>
9390</v>
      </c>
      <c r="R27" s="519"/>
      <c r="S27" s="519"/>
      <c r="T27" s="519"/>
      <c r="U27" s="519"/>
      <c r="V27" s="561"/>
      <c r="W27" s="620"/>
      <c r="X27" s="608"/>
      <c r="Y27" s="609"/>
      <c r="Z27" s="517" t="s">
        <v>
185</v>
      </c>
      <c r="AA27" s="497"/>
      <c r="AB27" s="497"/>
      <c r="AC27" s="497"/>
      <c r="AD27" s="497"/>
      <c r="AE27" s="497"/>
      <c r="AF27" s="497"/>
      <c r="AG27" s="498"/>
      <c r="AH27" s="518">
        <v>
73</v>
      </c>
      <c r="AI27" s="519"/>
      <c r="AJ27" s="519"/>
      <c r="AK27" s="519"/>
      <c r="AL27" s="561"/>
      <c r="AM27" s="518">
        <v>
230766</v>
      </c>
      <c r="AN27" s="519"/>
      <c r="AO27" s="519"/>
      <c r="AP27" s="519"/>
      <c r="AQ27" s="519"/>
      <c r="AR27" s="561"/>
      <c r="AS27" s="518">
        <v>
3161</v>
      </c>
      <c r="AT27" s="519"/>
      <c r="AU27" s="519"/>
      <c r="AV27" s="519"/>
      <c r="AW27" s="519"/>
      <c r="AX27" s="520"/>
      <c r="AY27" s="562" t="s">
        <v>
186</v>
      </c>
      <c r="AZ27" s="563"/>
      <c r="BA27" s="563"/>
      <c r="BB27" s="563"/>
      <c r="BC27" s="563"/>
      <c r="BD27" s="563"/>
      <c r="BE27" s="563"/>
      <c r="BF27" s="563"/>
      <c r="BG27" s="563"/>
      <c r="BH27" s="563"/>
      <c r="BI27" s="563"/>
      <c r="BJ27" s="563"/>
      <c r="BK27" s="563"/>
      <c r="BL27" s="563"/>
      <c r="BM27" s="564"/>
      <c r="BN27" s="643" t="s">
        <v>
187</v>
      </c>
      <c r="BO27" s="644"/>
      <c r="BP27" s="644"/>
      <c r="BQ27" s="644"/>
      <c r="BR27" s="644"/>
      <c r="BS27" s="644"/>
      <c r="BT27" s="644"/>
      <c r="BU27" s="645"/>
      <c r="BV27" s="643" t="s">
        <v>
139</v>
      </c>
      <c r="BW27" s="644"/>
      <c r="BX27" s="644"/>
      <c r="BY27" s="644"/>
      <c r="BZ27" s="644"/>
      <c r="CA27" s="644"/>
      <c r="CB27" s="644"/>
      <c r="CC27" s="645"/>
      <c r="CD27" s="203"/>
      <c r="CE27" s="577"/>
      <c r="CF27" s="577"/>
      <c r="CG27" s="577"/>
      <c r="CH27" s="577"/>
      <c r="CI27" s="577"/>
      <c r="CJ27" s="577"/>
      <c r="CK27" s="577"/>
      <c r="CL27" s="577"/>
      <c r="CM27" s="577"/>
      <c r="CN27" s="577"/>
      <c r="CO27" s="577"/>
      <c r="CP27" s="577"/>
      <c r="CQ27" s="577"/>
      <c r="CR27" s="577"/>
      <c r="CS27" s="578"/>
      <c r="CT27" s="464"/>
      <c r="CU27" s="465"/>
      <c r="CV27" s="465"/>
      <c r="CW27" s="465"/>
      <c r="CX27" s="465"/>
      <c r="CY27" s="465"/>
      <c r="CZ27" s="465"/>
      <c r="DA27" s="466"/>
      <c r="DB27" s="464"/>
      <c r="DC27" s="465"/>
      <c r="DD27" s="465"/>
      <c r="DE27" s="465"/>
      <c r="DF27" s="465"/>
      <c r="DG27" s="465"/>
      <c r="DH27" s="465"/>
      <c r="DI27" s="466"/>
      <c r="DJ27" s="186"/>
      <c r="DK27" s="186"/>
      <c r="DL27" s="186"/>
      <c r="DM27" s="186"/>
      <c r="DN27" s="186"/>
      <c r="DO27" s="186"/>
    </row>
    <row r="28" spans="1:119" ht="18.75" customHeight="1" x14ac:dyDescent="0.2">
      <c r="A28" s="187"/>
      <c r="B28" s="607"/>
      <c r="C28" s="608"/>
      <c r="D28" s="609"/>
      <c r="E28" s="517" t="s">
        <v>
188</v>
      </c>
      <c r="F28" s="497"/>
      <c r="G28" s="497"/>
      <c r="H28" s="497"/>
      <c r="I28" s="497"/>
      <c r="J28" s="497"/>
      <c r="K28" s="498"/>
      <c r="L28" s="518">
        <v>
1</v>
      </c>
      <c r="M28" s="519"/>
      <c r="N28" s="519"/>
      <c r="O28" s="519"/>
      <c r="P28" s="561"/>
      <c r="Q28" s="518">
        <v>
8010</v>
      </c>
      <c r="R28" s="519"/>
      <c r="S28" s="519"/>
      <c r="T28" s="519"/>
      <c r="U28" s="519"/>
      <c r="V28" s="561"/>
      <c r="W28" s="620"/>
      <c r="X28" s="608"/>
      <c r="Y28" s="609"/>
      <c r="Z28" s="517" t="s">
        <v>
189</v>
      </c>
      <c r="AA28" s="497"/>
      <c r="AB28" s="497"/>
      <c r="AC28" s="497"/>
      <c r="AD28" s="497"/>
      <c r="AE28" s="497"/>
      <c r="AF28" s="497"/>
      <c r="AG28" s="498"/>
      <c r="AH28" s="518" t="s">
        <v>
148</v>
      </c>
      <c r="AI28" s="519"/>
      <c r="AJ28" s="519"/>
      <c r="AK28" s="519"/>
      <c r="AL28" s="561"/>
      <c r="AM28" s="518" t="s">
        <v>
190</v>
      </c>
      <c r="AN28" s="519"/>
      <c r="AO28" s="519"/>
      <c r="AP28" s="519"/>
      <c r="AQ28" s="519"/>
      <c r="AR28" s="561"/>
      <c r="AS28" s="518" t="s">
        <v>
187</v>
      </c>
      <c r="AT28" s="519"/>
      <c r="AU28" s="519"/>
      <c r="AV28" s="519"/>
      <c r="AW28" s="519"/>
      <c r="AX28" s="520"/>
      <c r="AY28" s="646" t="s">
        <v>
191</v>
      </c>
      <c r="AZ28" s="647"/>
      <c r="BA28" s="647"/>
      <c r="BB28" s="648"/>
      <c r="BC28" s="427" t="s">
        <v>
48</v>
      </c>
      <c r="BD28" s="428"/>
      <c r="BE28" s="428"/>
      <c r="BF28" s="428"/>
      <c r="BG28" s="428"/>
      <c r="BH28" s="428"/>
      <c r="BI28" s="428"/>
      <c r="BJ28" s="428"/>
      <c r="BK28" s="428"/>
      <c r="BL28" s="428"/>
      <c r="BM28" s="429"/>
      <c r="BN28" s="430">
        <v>
32606962</v>
      </c>
      <c r="BO28" s="431"/>
      <c r="BP28" s="431"/>
      <c r="BQ28" s="431"/>
      <c r="BR28" s="431"/>
      <c r="BS28" s="431"/>
      <c r="BT28" s="431"/>
      <c r="BU28" s="432"/>
      <c r="BV28" s="430">
        <v>
30289201</v>
      </c>
      <c r="BW28" s="431"/>
      <c r="BX28" s="431"/>
      <c r="BY28" s="431"/>
      <c r="BZ28" s="431"/>
      <c r="CA28" s="431"/>
      <c r="CB28" s="431"/>
      <c r="CC28" s="432"/>
      <c r="CD28" s="201"/>
      <c r="CE28" s="577"/>
      <c r="CF28" s="577"/>
      <c r="CG28" s="577"/>
      <c r="CH28" s="577"/>
      <c r="CI28" s="577"/>
      <c r="CJ28" s="577"/>
      <c r="CK28" s="577"/>
      <c r="CL28" s="577"/>
      <c r="CM28" s="577"/>
      <c r="CN28" s="577"/>
      <c r="CO28" s="577"/>
      <c r="CP28" s="577"/>
      <c r="CQ28" s="577"/>
      <c r="CR28" s="577"/>
      <c r="CS28" s="578"/>
      <c r="CT28" s="464"/>
      <c r="CU28" s="465"/>
      <c r="CV28" s="465"/>
      <c r="CW28" s="465"/>
      <c r="CX28" s="465"/>
      <c r="CY28" s="465"/>
      <c r="CZ28" s="465"/>
      <c r="DA28" s="466"/>
      <c r="DB28" s="464"/>
      <c r="DC28" s="465"/>
      <c r="DD28" s="465"/>
      <c r="DE28" s="465"/>
      <c r="DF28" s="465"/>
      <c r="DG28" s="465"/>
      <c r="DH28" s="465"/>
      <c r="DI28" s="466"/>
      <c r="DJ28" s="186"/>
      <c r="DK28" s="186"/>
      <c r="DL28" s="186"/>
      <c r="DM28" s="186"/>
      <c r="DN28" s="186"/>
      <c r="DO28" s="186"/>
    </row>
    <row r="29" spans="1:119" ht="18.75" customHeight="1" x14ac:dyDescent="0.2">
      <c r="A29" s="187"/>
      <c r="B29" s="607"/>
      <c r="C29" s="608"/>
      <c r="D29" s="609"/>
      <c r="E29" s="517" t="s">
        <v>
192</v>
      </c>
      <c r="F29" s="497"/>
      <c r="G29" s="497"/>
      <c r="H29" s="497"/>
      <c r="I29" s="497"/>
      <c r="J29" s="497"/>
      <c r="K29" s="498"/>
      <c r="L29" s="518">
        <v>
36</v>
      </c>
      <c r="M29" s="519"/>
      <c r="N29" s="519"/>
      <c r="O29" s="519"/>
      <c r="P29" s="561"/>
      <c r="Q29" s="518">
        <v>
6130</v>
      </c>
      <c r="R29" s="519"/>
      <c r="S29" s="519"/>
      <c r="T29" s="519"/>
      <c r="U29" s="519"/>
      <c r="V29" s="561"/>
      <c r="W29" s="621"/>
      <c r="X29" s="622"/>
      <c r="Y29" s="623"/>
      <c r="Z29" s="517" t="s">
        <v>
193</v>
      </c>
      <c r="AA29" s="497"/>
      <c r="AB29" s="497"/>
      <c r="AC29" s="497"/>
      <c r="AD29" s="497"/>
      <c r="AE29" s="497"/>
      <c r="AF29" s="497"/>
      <c r="AG29" s="498"/>
      <c r="AH29" s="518">
        <v>
2629</v>
      </c>
      <c r="AI29" s="519"/>
      <c r="AJ29" s="519"/>
      <c r="AK29" s="519"/>
      <c r="AL29" s="561"/>
      <c r="AM29" s="518">
        <v>
7842534</v>
      </c>
      <c r="AN29" s="519"/>
      <c r="AO29" s="519"/>
      <c r="AP29" s="519"/>
      <c r="AQ29" s="519"/>
      <c r="AR29" s="561"/>
      <c r="AS29" s="518">
        <v>
2983</v>
      </c>
      <c r="AT29" s="519"/>
      <c r="AU29" s="519"/>
      <c r="AV29" s="519"/>
      <c r="AW29" s="519"/>
      <c r="AX29" s="520"/>
      <c r="AY29" s="649"/>
      <c r="AZ29" s="650"/>
      <c r="BA29" s="650"/>
      <c r="BB29" s="651"/>
      <c r="BC29" s="501" t="s">
        <v>
194</v>
      </c>
      <c r="BD29" s="502"/>
      <c r="BE29" s="502"/>
      <c r="BF29" s="502"/>
      <c r="BG29" s="502"/>
      <c r="BH29" s="502"/>
      <c r="BI29" s="502"/>
      <c r="BJ29" s="502"/>
      <c r="BK29" s="502"/>
      <c r="BL29" s="502"/>
      <c r="BM29" s="503"/>
      <c r="BN29" s="467">
        <v>
5778976</v>
      </c>
      <c r="BO29" s="468"/>
      <c r="BP29" s="468"/>
      <c r="BQ29" s="468"/>
      <c r="BR29" s="468"/>
      <c r="BS29" s="468"/>
      <c r="BT29" s="468"/>
      <c r="BU29" s="469"/>
      <c r="BV29" s="467">
        <v>
5674538</v>
      </c>
      <c r="BW29" s="468"/>
      <c r="BX29" s="468"/>
      <c r="BY29" s="468"/>
      <c r="BZ29" s="468"/>
      <c r="CA29" s="468"/>
      <c r="CB29" s="468"/>
      <c r="CC29" s="469"/>
      <c r="CD29" s="203"/>
      <c r="CE29" s="577"/>
      <c r="CF29" s="577"/>
      <c r="CG29" s="577"/>
      <c r="CH29" s="577"/>
      <c r="CI29" s="577"/>
      <c r="CJ29" s="577"/>
      <c r="CK29" s="577"/>
      <c r="CL29" s="577"/>
      <c r="CM29" s="577"/>
      <c r="CN29" s="577"/>
      <c r="CO29" s="577"/>
      <c r="CP29" s="577"/>
      <c r="CQ29" s="577"/>
      <c r="CR29" s="577"/>
      <c r="CS29" s="578"/>
      <c r="CT29" s="464"/>
      <c r="CU29" s="465"/>
      <c r="CV29" s="465"/>
      <c r="CW29" s="465"/>
      <c r="CX29" s="465"/>
      <c r="CY29" s="465"/>
      <c r="CZ29" s="465"/>
      <c r="DA29" s="466"/>
      <c r="DB29" s="464"/>
      <c r="DC29" s="465"/>
      <c r="DD29" s="465"/>
      <c r="DE29" s="465"/>
      <c r="DF29" s="465"/>
      <c r="DG29" s="465"/>
      <c r="DH29" s="465"/>
      <c r="DI29" s="466"/>
      <c r="DJ29" s="186"/>
      <c r="DK29" s="186"/>
      <c r="DL29" s="186"/>
      <c r="DM29" s="186"/>
      <c r="DN29" s="186"/>
      <c r="DO29" s="186"/>
    </row>
    <row r="30" spans="1:119" ht="18.75" customHeight="1" thickBot="1" x14ac:dyDescent="0.25">
      <c r="A30" s="187"/>
      <c r="B30" s="610"/>
      <c r="C30" s="611"/>
      <c r="D30" s="612"/>
      <c r="E30" s="521"/>
      <c r="F30" s="522"/>
      <c r="G30" s="522"/>
      <c r="H30" s="522"/>
      <c r="I30" s="522"/>
      <c r="J30" s="522"/>
      <c r="K30" s="523"/>
      <c r="L30" s="624"/>
      <c r="M30" s="625"/>
      <c r="N30" s="625"/>
      <c r="O30" s="625"/>
      <c r="P30" s="626"/>
      <c r="Q30" s="624"/>
      <c r="R30" s="625"/>
      <c r="S30" s="625"/>
      <c r="T30" s="625"/>
      <c r="U30" s="625"/>
      <c r="V30" s="626"/>
      <c r="W30" s="627" t="s">
        <v>
195</v>
      </c>
      <c r="X30" s="628"/>
      <c r="Y30" s="628"/>
      <c r="Z30" s="628"/>
      <c r="AA30" s="628"/>
      <c r="AB30" s="628"/>
      <c r="AC30" s="628"/>
      <c r="AD30" s="628"/>
      <c r="AE30" s="628"/>
      <c r="AF30" s="628"/>
      <c r="AG30" s="629"/>
      <c r="AH30" s="586">
        <v>
98.3</v>
      </c>
      <c r="AI30" s="587"/>
      <c r="AJ30" s="587"/>
      <c r="AK30" s="587"/>
      <c r="AL30" s="587"/>
      <c r="AM30" s="587"/>
      <c r="AN30" s="587"/>
      <c r="AO30" s="587"/>
      <c r="AP30" s="587"/>
      <c r="AQ30" s="587"/>
      <c r="AR30" s="587"/>
      <c r="AS30" s="587"/>
      <c r="AT30" s="587"/>
      <c r="AU30" s="587"/>
      <c r="AV30" s="587"/>
      <c r="AW30" s="587"/>
      <c r="AX30" s="589"/>
      <c r="AY30" s="652"/>
      <c r="AZ30" s="653"/>
      <c r="BA30" s="653"/>
      <c r="BB30" s="654"/>
      <c r="BC30" s="640" t="s">
        <v>
50</v>
      </c>
      <c r="BD30" s="641"/>
      <c r="BE30" s="641"/>
      <c r="BF30" s="641"/>
      <c r="BG30" s="641"/>
      <c r="BH30" s="641"/>
      <c r="BI30" s="641"/>
      <c r="BJ30" s="641"/>
      <c r="BK30" s="641"/>
      <c r="BL30" s="641"/>
      <c r="BM30" s="642"/>
      <c r="BN30" s="643">
        <v>
17055733</v>
      </c>
      <c r="BO30" s="644"/>
      <c r="BP30" s="644"/>
      <c r="BQ30" s="644"/>
      <c r="BR30" s="644"/>
      <c r="BS30" s="644"/>
      <c r="BT30" s="644"/>
      <c r="BU30" s="645"/>
      <c r="BV30" s="643">
        <v>
14907719</v>
      </c>
      <c r="BW30" s="644"/>
      <c r="BX30" s="644"/>
      <c r="BY30" s="644"/>
      <c r="BZ30" s="644"/>
      <c r="CA30" s="644"/>
      <c r="CB30" s="644"/>
      <c r="CC30" s="645"/>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
196</v>
      </c>
      <c r="D32" s="214"/>
      <c r="E32" s="214"/>
      <c r="F32" s="211"/>
      <c r="G32" s="211"/>
      <c r="H32" s="211"/>
      <c r="I32" s="211"/>
      <c r="J32" s="211"/>
      <c r="K32" s="211"/>
      <c r="L32" s="211"/>
      <c r="M32" s="211"/>
      <c r="N32" s="211"/>
      <c r="O32" s="211"/>
      <c r="P32" s="211"/>
      <c r="Q32" s="211"/>
      <c r="R32" s="211"/>
      <c r="S32" s="211"/>
      <c r="T32" s="211"/>
      <c r="U32" s="211" t="s">
        <v>
197</v>
      </c>
      <c r="V32" s="211"/>
      <c r="W32" s="211"/>
      <c r="X32" s="211"/>
      <c r="Y32" s="211"/>
      <c r="Z32" s="211"/>
      <c r="AA32" s="211"/>
      <c r="AB32" s="211"/>
      <c r="AC32" s="211"/>
      <c r="AD32" s="211"/>
      <c r="AE32" s="211"/>
      <c r="AF32" s="211"/>
      <c r="AG32" s="211"/>
      <c r="AH32" s="211"/>
      <c r="AI32" s="211"/>
      <c r="AJ32" s="211"/>
      <c r="AK32" s="211"/>
      <c r="AL32" s="211"/>
      <c r="AM32" s="215" t="s">
        <v>
198</v>
      </c>
      <c r="AN32" s="211"/>
      <c r="AO32" s="211"/>
      <c r="AP32" s="211"/>
      <c r="AQ32" s="211"/>
      <c r="AR32" s="211"/>
      <c r="AS32" s="215"/>
      <c r="AT32" s="215"/>
      <c r="AU32" s="215"/>
      <c r="AV32" s="215"/>
      <c r="AW32" s="215"/>
      <c r="AX32" s="215"/>
      <c r="AY32" s="215"/>
      <c r="AZ32" s="215"/>
      <c r="BA32" s="215"/>
      <c r="BB32" s="211"/>
      <c r="BC32" s="215"/>
      <c r="BD32" s="211"/>
      <c r="BE32" s="215" t="s">
        <v>
199</v>
      </c>
      <c r="BF32" s="211"/>
      <c r="BG32" s="211"/>
      <c r="BH32" s="211"/>
      <c r="BI32" s="211"/>
      <c r="BJ32" s="215"/>
      <c r="BK32" s="215"/>
      <c r="BL32" s="215"/>
      <c r="BM32" s="215"/>
      <c r="BN32" s="215"/>
      <c r="BO32" s="215"/>
      <c r="BP32" s="215"/>
      <c r="BQ32" s="215"/>
      <c r="BR32" s="211"/>
      <c r="BS32" s="211"/>
      <c r="BT32" s="211"/>
      <c r="BU32" s="211"/>
      <c r="BV32" s="211"/>
      <c r="BW32" s="211" t="s">
        <v>
200</v>
      </c>
      <c r="BX32" s="211"/>
      <c r="BY32" s="211"/>
      <c r="BZ32" s="211"/>
      <c r="CA32" s="211"/>
      <c r="CB32" s="215"/>
      <c r="CC32" s="215"/>
      <c r="CD32" s="215"/>
      <c r="CE32" s="215"/>
      <c r="CF32" s="215"/>
      <c r="CG32" s="215"/>
      <c r="CH32" s="215"/>
      <c r="CI32" s="215"/>
      <c r="CJ32" s="215"/>
      <c r="CK32" s="215"/>
      <c r="CL32" s="215"/>
      <c r="CM32" s="215"/>
      <c r="CN32" s="215"/>
      <c r="CO32" s="215" t="s">
        <v>
201</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1" t="s">
        <v>
202</v>
      </c>
      <c r="D33" s="491"/>
      <c r="E33" s="456" t="s">
        <v>
203</v>
      </c>
      <c r="F33" s="456"/>
      <c r="G33" s="456"/>
      <c r="H33" s="456"/>
      <c r="I33" s="456"/>
      <c r="J33" s="456"/>
      <c r="K33" s="456"/>
      <c r="L33" s="456"/>
      <c r="M33" s="456"/>
      <c r="N33" s="456"/>
      <c r="O33" s="456"/>
      <c r="P33" s="456"/>
      <c r="Q33" s="456"/>
      <c r="R33" s="456"/>
      <c r="S33" s="456"/>
      <c r="T33" s="216"/>
      <c r="U33" s="491" t="s">
        <v>
204</v>
      </c>
      <c r="V33" s="491"/>
      <c r="W33" s="456" t="s">
        <v>
205</v>
      </c>
      <c r="X33" s="456"/>
      <c r="Y33" s="456"/>
      <c r="Z33" s="456"/>
      <c r="AA33" s="456"/>
      <c r="AB33" s="456"/>
      <c r="AC33" s="456"/>
      <c r="AD33" s="456"/>
      <c r="AE33" s="456"/>
      <c r="AF33" s="456"/>
      <c r="AG33" s="456"/>
      <c r="AH33" s="456"/>
      <c r="AI33" s="456"/>
      <c r="AJ33" s="456"/>
      <c r="AK33" s="456"/>
      <c r="AL33" s="216"/>
      <c r="AM33" s="491" t="s">
        <v>
204</v>
      </c>
      <c r="AN33" s="491"/>
      <c r="AO33" s="456" t="s">
        <v>
206</v>
      </c>
      <c r="AP33" s="456"/>
      <c r="AQ33" s="456"/>
      <c r="AR33" s="456"/>
      <c r="AS33" s="456"/>
      <c r="AT33" s="456"/>
      <c r="AU33" s="456"/>
      <c r="AV33" s="456"/>
      <c r="AW33" s="456"/>
      <c r="AX33" s="456"/>
      <c r="AY33" s="456"/>
      <c r="AZ33" s="456"/>
      <c r="BA33" s="456"/>
      <c r="BB33" s="456"/>
      <c r="BC33" s="456"/>
      <c r="BD33" s="217"/>
      <c r="BE33" s="456" t="s">
        <v>
207</v>
      </c>
      <c r="BF33" s="456"/>
      <c r="BG33" s="456" t="s">
        <v>
208</v>
      </c>
      <c r="BH33" s="456"/>
      <c r="BI33" s="456"/>
      <c r="BJ33" s="456"/>
      <c r="BK33" s="456"/>
      <c r="BL33" s="456"/>
      <c r="BM33" s="456"/>
      <c r="BN33" s="456"/>
      <c r="BO33" s="456"/>
      <c r="BP33" s="456"/>
      <c r="BQ33" s="456"/>
      <c r="BR33" s="456"/>
      <c r="BS33" s="456"/>
      <c r="BT33" s="456"/>
      <c r="BU33" s="456"/>
      <c r="BV33" s="217"/>
      <c r="BW33" s="491" t="s">
        <v>
207</v>
      </c>
      <c r="BX33" s="491"/>
      <c r="BY33" s="456" t="s">
        <v>
209</v>
      </c>
      <c r="BZ33" s="456"/>
      <c r="CA33" s="456"/>
      <c r="CB33" s="456"/>
      <c r="CC33" s="456"/>
      <c r="CD33" s="456"/>
      <c r="CE33" s="456"/>
      <c r="CF33" s="456"/>
      <c r="CG33" s="456"/>
      <c r="CH33" s="456"/>
      <c r="CI33" s="456"/>
      <c r="CJ33" s="456"/>
      <c r="CK33" s="456"/>
      <c r="CL33" s="456"/>
      <c r="CM33" s="456"/>
      <c r="CN33" s="216"/>
      <c r="CO33" s="491" t="s">
        <v>
210</v>
      </c>
      <c r="CP33" s="491"/>
      <c r="CQ33" s="456" t="s">
        <v>
211</v>
      </c>
      <c r="CR33" s="456"/>
      <c r="CS33" s="456"/>
      <c r="CT33" s="456"/>
      <c r="CU33" s="456"/>
      <c r="CV33" s="456"/>
      <c r="CW33" s="456"/>
      <c r="CX33" s="456"/>
      <c r="CY33" s="456"/>
      <c r="CZ33" s="456"/>
      <c r="DA33" s="456"/>
      <c r="DB33" s="456"/>
      <c r="DC33" s="456"/>
      <c r="DD33" s="456"/>
      <c r="DE33" s="456"/>
      <c r="DF33" s="216"/>
      <c r="DG33" s="655" t="s">
        <v>
212</v>
      </c>
      <c r="DH33" s="655"/>
      <c r="DI33" s="218"/>
      <c r="DJ33" s="186"/>
      <c r="DK33" s="186"/>
      <c r="DL33" s="186"/>
      <c r="DM33" s="186"/>
      <c r="DN33" s="186"/>
      <c r="DO33" s="186"/>
    </row>
    <row r="34" spans="1:119" ht="32.25" customHeight="1" x14ac:dyDescent="0.2">
      <c r="A34" s="187"/>
      <c r="B34" s="213"/>
      <c r="C34" s="656">
        <f>
IF(E34="","",1)</f>
        <v>
1</v>
      </c>
      <c r="D34" s="656"/>
      <c r="E34" s="657" t="str">
        <f>
IF('各会計、関係団体の財政状況及び健全化判断比率'!B7="","",'各会計、関係団体の財政状況及び健全化判断比率'!B7)</f>
        <v>
一般会計</v>
      </c>
      <c r="F34" s="657"/>
      <c r="G34" s="657"/>
      <c r="H34" s="657"/>
      <c r="I34" s="657"/>
      <c r="J34" s="657"/>
      <c r="K34" s="657"/>
      <c r="L34" s="657"/>
      <c r="M34" s="657"/>
      <c r="N34" s="657"/>
      <c r="O34" s="657"/>
      <c r="P34" s="657"/>
      <c r="Q34" s="657"/>
      <c r="R34" s="657"/>
      <c r="S34" s="657"/>
      <c r="T34" s="214"/>
      <c r="U34" s="656">
        <f>
IF(W34="","",MAX(C34:D43)+1)</f>
        <v>
2</v>
      </c>
      <c r="V34" s="656"/>
      <c r="W34" s="657" t="str">
        <f>
IF('各会計、関係団体の財政状況及び健全化判断比率'!B28="","",'各会計、関係団体の財政状況及び健全化判断比率'!B28)</f>
        <v>
国民健康保険特別会計</v>
      </c>
      <c r="X34" s="657"/>
      <c r="Y34" s="657"/>
      <c r="Z34" s="657"/>
      <c r="AA34" s="657"/>
      <c r="AB34" s="657"/>
      <c r="AC34" s="657"/>
      <c r="AD34" s="657"/>
      <c r="AE34" s="657"/>
      <c r="AF34" s="657"/>
      <c r="AG34" s="657"/>
      <c r="AH34" s="657"/>
      <c r="AI34" s="657"/>
      <c r="AJ34" s="657"/>
      <c r="AK34" s="657"/>
      <c r="AL34" s="214"/>
      <c r="AM34" s="656" t="str">
        <f>
IF(AO34="","",MAX(C34:D43,U34:V43)+1)</f>
        <v/>
      </c>
      <c r="AN34" s="656"/>
      <c r="AO34" s="657"/>
      <c r="AP34" s="657"/>
      <c r="AQ34" s="657"/>
      <c r="AR34" s="657"/>
      <c r="AS34" s="657"/>
      <c r="AT34" s="657"/>
      <c r="AU34" s="657"/>
      <c r="AV34" s="657"/>
      <c r="AW34" s="657"/>
      <c r="AX34" s="657"/>
      <c r="AY34" s="657"/>
      <c r="AZ34" s="657"/>
      <c r="BA34" s="657"/>
      <c r="BB34" s="657"/>
      <c r="BC34" s="657"/>
      <c r="BD34" s="214"/>
      <c r="BE34" s="656" t="str">
        <f>
IF(BG34="","",MAX(C34:D43,U34:V43,AM34:AN43)+1)</f>
        <v/>
      </c>
      <c r="BF34" s="656"/>
      <c r="BG34" s="657"/>
      <c r="BH34" s="657"/>
      <c r="BI34" s="657"/>
      <c r="BJ34" s="657"/>
      <c r="BK34" s="657"/>
      <c r="BL34" s="657"/>
      <c r="BM34" s="657"/>
      <c r="BN34" s="657"/>
      <c r="BO34" s="657"/>
      <c r="BP34" s="657"/>
      <c r="BQ34" s="657"/>
      <c r="BR34" s="657"/>
      <c r="BS34" s="657"/>
      <c r="BT34" s="657"/>
      <c r="BU34" s="657"/>
      <c r="BV34" s="214"/>
      <c r="BW34" s="656">
        <f>
IF(BY34="","",MAX(C34:D43,U34:V43,AM34:AN43,BE34:BF43)+1)</f>
        <v>
5</v>
      </c>
      <c r="BX34" s="656"/>
      <c r="BY34" s="657" t="str">
        <f>
IF('各会計、関係団体の財政状況及び健全化判断比率'!B68="","",'各会計、関係団体の財政状況及び健全化判断比率'!B68)</f>
        <v>
特別区人事・厚生事務組合</v>
      </c>
      <c r="BZ34" s="657"/>
      <c r="CA34" s="657"/>
      <c r="CB34" s="657"/>
      <c r="CC34" s="657"/>
      <c r="CD34" s="657"/>
      <c r="CE34" s="657"/>
      <c r="CF34" s="657"/>
      <c r="CG34" s="657"/>
      <c r="CH34" s="657"/>
      <c r="CI34" s="657"/>
      <c r="CJ34" s="657"/>
      <c r="CK34" s="657"/>
      <c r="CL34" s="657"/>
      <c r="CM34" s="657"/>
      <c r="CN34" s="214"/>
      <c r="CO34" s="656">
        <f>
IF(CQ34="","",MAX(C34:D43,U34:V43,AM34:AN43,BE34:BF43,BW34:BX43)+1)</f>
        <v>
10</v>
      </c>
      <c r="CP34" s="656"/>
      <c r="CQ34" s="657" t="str">
        <f>
IF('各会計、関係団体の財政状況及び健全化判断比率'!BS7="","",'各会計、関係団体の財政状況及び健全化判断比率'!BS7)</f>
        <v>
新宿未来創造財団</v>
      </c>
      <c r="CR34" s="657"/>
      <c r="CS34" s="657"/>
      <c r="CT34" s="657"/>
      <c r="CU34" s="657"/>
      <c r="CV34" s="657"/>
      <c r="CW34" s="657"/>
      <c r="CX34" s="657"/>
      <c r="CY34" s="657"/>
      <c r="CZ34" s="657"/>
      <c r="DA34" s="657"/>
      <c r="DB34" s="657"/>
      <c r="DC34" s="657"/>
      <c r="DD34" s="657"/>
      <c r="DE34" s="657"/>
      <c r="DF34" s="211"/>
      <c r="DG34" s="658" t="str">
        <f>
IF('各会計、関係団体の財政状況及び健全化判断比率'!BR7="","",'各会計、関係団体の財政状況及び健全化判断比率'!BR7)</f>
        <v/>
      </c>
      <c r="DH34" s="658"/>
      <c r="DI34" s="218"/>
      <c r="DJ34" s="186"/>
      <c r="DK34" s="186"/>
      <c r="DL34" s="186"/>
      <c r="DM34" s="186"/>
      <c r="DN34" s="186"/>
      <c r="DO34" s="186"/>
    </row>
    <row r="35" spans="1:119" ht="32.25" customHeight="1" x14ac:dyDescent="0.2">
      <c r="A35" s="187"/>
      <c r="B35" s="213"/>
      <c r="C35" s="656" t="str">
        <f>
IF(E35="","",C34+1)</f>
        <v/>
      </c>
      <c r="D35" s="656"/>
      <c r="E35" s="657" t="str">
        <f>
IF('各会計、関係団体の財政状況及び健全化判断比率'!B8="","",'各会計、関係団体の財政状況及び健全化判断比率'!B8)</f>
        <v/>
      </c>
      <c r="F35" s="657"/>
      <c r="G35" s="657"/>
      <c r="H35" s="657"/>
      <c r="I35" s="657"/>
      <c r="J35" s="657"/>
      <c r="K35" s="657"/>
      <c r="L35" s="657"/>
      <c r="M35" s="657"/>
      <c r="N35" s="657"/>
      <c r="O35" s="657"/>
      <c r="P35" s="657"/>
      <c r="Q35" s="657"/>
      <c r="R35" s="657"/>
      <c r="S35" s="657"/>
      <c r="T35" s="214"/>
      <c r="U35" s="656">
        <f>
IF(W35="","",U34+1)</f>
        <v>
3</v>
      </c>
      <c r="V35" s="656"/>
      <c r="W35" s="657" t="str">
        <f>
IF('各会計、関係団体の財政状況及び健全化判断比率'!B29="","",'各会計、関係団体の財政状況及び健全化判断比率'!B29)</f>
        <v>
介護保険特別会計</v>
      </c>
      <c r="X35" s="657"/>
      <c r="Y35" s="657"/>
      <c r="Z35" s="657"/>
      <c r="AA35" s="657"/>
      <c r="AB35" s="657"/>
      <c r="AC35" s="657"/>
      <c r="AD35" s="657"/>
      <c r="AE35" s="657"/>
      <c r="AF35" s="657"/>
      <c r="AG35" s="657"/>
      <c r="AH35" s="657"/>
      <c r="AI35" s="657"/>
      <c r="AJ35" s="657"/>
      <c r="AK35" s="657"/>
      <c r="AL35" s="214"/>
      <c r="AM35" s="656" t="str">
        <f t="shared" ref="AM35:AM43" si="0">
IF(AO35="","",AM34+1)</f>
        <v/>
      </c>
      <c r="AN35" s="656"/>
      <c r="AO35" s="657"/>
      <c r="AP35" s="657"/>
      <c r="AQ35" s="657"/>
      <c r="AR35" s="657"/>
      <c r="AS35" s="657"/>
      <c r="AT35" s="657"/>
      <c r="AU35" s="657"/>
      <c r="AV35" s="657"/>
      <c r="AW35" s="657"/>
      <c r="AX35" s="657"/>
      <c r="AY35" s="657"/>
      <c r="AZ35" s="657"/>
      <c r="BA35" s="657"/>
      <c r="BB35" s="657"/>
      <c r="BC35" s="657"/>
      <c r="BD35" s="214"/>
      <c r="BE35" s="656" t="str">
        <f t="shared" ref="BE35:BE43" si="1">
IF(BG35="","",BE34+1)</f>
        <v/>
      </c>
      <c r="BF35" s="656"/>
      <c r="BG35" s="657"/>
      <c r="BH35" s="657"/>
      <c r="BI35" s="657"/>
      <c r="BJ35" s="657"/>
      <c r="BK35" s="657"/>
      <c r="BL35" s="657"/>
      <c r="BM35" s="657"/>
      <c r="BN35" s="657"/>
      <c r="BO35" s="657"/>
      <c r="BP35" s="657"/>
      <c r="BQ35" s="657"/>
      <c r="BR35" s="657"/>
      <c r="BS35" s="657"/>
      <c r="BT35" s="657"/>
      <c r="BU35" s="657"/>
      <c r="BV35" s="214"/>
      <c r="BW35" s="656">
        <f t="shared" ref="BW35:BW43" si="2">
IF(BY35="","",BW34+1)</f>
        <v>
6</v>
      </c>
      <c r="BX35" s="656"/>
      <c r="BY35" s="657" t="str">
        <f>
IF('各会計、関係団体の財政状況及び健全化判断比率'!B69="","",'各会計、関係団体の財政状況及び健全化判断比率'!B69)</f>
        <v>
特別区競馬組合</v>
      </c>
      <c r="BZ35" s="657"/>
      <c r="CA35" s="657"/>
      <c r="CB35" s="657"/>
      <c r="CC35" s="657"/>
      <c r="CD35" s="657"/>
      <c r="CE35" s="657"/>
      <c r="CF35" s="657"/>
      <c r="CG35" s="657"/>
      <c r="CH35" s="657"/>
      <c r="CI35" s="657"/>
      <c r="CJ35" s="657"/>
      <c r="CK35" s="657"/>
      <c r="CL35" s="657"/>
      <c r="CM35" s="657"/>
      <c r="CN35" s="214"/>
      <c r="CO35" s="656">
        <f t="shared" ref="CO35:CO43" si="3">
IF(CQ35="","",CO34+1)</f>
        <v>
11</v>
      </c>
      <c r="CP35" s="656"/>
      <c r="CQ35" s="657" t="str">
        <f>
IF('各会計、関係団体の財政状況及び健全化判断比率'!BS8="","",'各会計、関係団体の財政状況及び健全化判断比率'!BS8)</f>
        <v>
新宿区土地開発公社</v>
      </c>
      <c r="CR35" s="657"/>
      <c r="CS35" s="657"/>
      <c r="CT35" s="657"/>
      <c r="CU35" s="657"/>
      <c r="CV35" s="657"/>
      <c r="CW35" s="657"/>
      <c r="CX35" s="657"/>
      <c r="CY35" s="657"/>
      <c r="CZ35" s="657"/>
      <c r="DA35" s="657"/>
      <c r="DB35" s="657"/>
      <c r="DC35" s="657"/>
      <c r="DD35" s="657"/>
      <c r="DE35" s="657"/>
      <c r="DF35" s="211"/>
      <c r="DG35" s="658" t="str">
        <f>
IF('各会計、関係団体の財政状況及び健全化判断比率'!BR8="","",'各会計、関係団体の財政状況及び健全化判断比率'!BR8)</f>
        <v>
〇</v>
      </c>
      <c r="DH35" s="658"/>
      <c r="DI35" s="218"/>
      <c r="DJ35" s="186"/>
      <c r="DK35" s="186"/>
      <c r="DL35" s="186"/>
      <c r="DM35" s="186"/>
      <c r="DN35" s="186"/>
      <c r="DO35" s="186"/>
    </row>
    <row r="36" spans="1:119" ht="32.25" customHeight="1" x14ac:dyDescent="0.2">
      <c r="A36" s="187"/>
      <c r="B36" s="213"/>
      <c r="C36" s="656" t="str">
        <f>
IF(E36="","",C35+1)</f>
        <v/>
      </c>
      <c r="D36" s="656"/>
      <c r="E36" s="657" t="str">
        <f>
IF('各会計、関係団体の財政状況及び健全化判断比率'!B9="","",'各会計、関係団体の財政状況及び健全化判断比率'!B9)</f>
        <v/>
      </c>
      <c r="F36" s="657"/>
      <c r="G36" s="657"/>
      <c r="H36" s="657"/>
      <c r="I36" s="657"/>
      <c r="J36" s="657"/>
      <c r="K36" s="657"/>
      <c r="L36" s="657"/>
      <c r="M36" s="657"/>
      <c r="N36" s="657"/>
      <c r="O36" s="657"/>
      <c r="P36" s="657"/>
      <c r="Q36" s="657"/>
      <c r="R36" s="657"/>
      <c r="S36" s="657"/>
      <c r="T36" s="214"/>
      <c r="U36" s="656">
        <f t="shared" ref="U36:U43" si="4">
IF(W36="","",U35+1)</f>
        <v>
4</v>
      </c>
      <c r="V36" s="656"/>
      <c r="W36" s="657" t="str">
        <f>
IF('各会計、関係団体の財政状況及び健全化判断比率'!B30="","",'各会計、関係団体の財政状況及び健全化判断比率'!B30)</f>
        <v>
後期高齢者医療特別会計</v>
      </c>
      <c r="X36" s="657"/>
      <c r="Y36" s="657"/>
      <c r="Z36" s="657"/>
      <c r="AA36" s="657"/>
      <c r="AB36" s="657"/>
      <c r="AC36" s="657"/>
      <c r="AD36" s="657"/>
      <c r="AE36" s="657"/>
      <c r="AF36" s="657"/>
      <c r="AG36" s="657"/>
      <c r="AH36" s="657"/>
      <c r="AI36" s="657"/>
      <c r="AJ36" s="657"/>
      <c r="AK36" s="657"/>
      <c r="AL36" s="214"/>
      <c r="AM36" s="656" t="str">
        <f t="shared" si="0"/>
        <v/>
      </c>
      <c r="AN36" s="656"/>
      <c r="AO36" s="657"/>
      <c r="AP36" s="657"/>
      <c r="AQ36" s="657"/>
      <c r="AR36" s="657"/>
      <c r="AS36" s="657"/>
      <c r="AT36" s="657"/>
      <c r="AU36" s="657"/>
      <c r="AV36" s="657"/>
      <c r="AW36" s="657"/>
      <c r="AX36" s="657"/>
      <c r="AY36" s="657"/>
      <c r="AZ36" s="657"/>
      <c r="BA36" s="657"/>
      <c r="BB36" s="657"/>
      <c r="BC36" s="657"/>
      <c r="BD36" s="214"/>
      <c r="BE36" s="656" t="str">
        <f t="shared" si="1"/>
        <v/>
      </c>
      <c r="BF36" s="656"/>
      <c r="BG36" s="657"/>
      <c r="BH36" s="657"/>
      <c r="BI36" s="657"/>
      <c r="BJ36" s="657"/>
      <c r="BK36" s="657"/>
      <c r="BL36" s="657"/>
      <c r="BM36" s="657"/>
      <c r="BN36" s="657"/>
      <c r="BO36" s="657"/>
      <c r="BP36" s="657"/>
      <c r="BQ36" s="657"/>
      <c r="BR36" s="657"/>
      <c r="BS36" s="657"/>
      <c r="BT36" s="657"/>
      <c r="BU36" s="657"/>
      <c r="BV36" s="214"/>
      <c r="BW36" s="656">
        <f t="shared" si="2"/>
        <v>
7</v>
      </c>
      <c r="BX36" s="656"/>
      <c r="BY36" s="657" t="str">
        <f>
IF('各会計、関係団体の財政状況及び健全化判断比率'!B70="","",'各会計、関係団体の財政状況及び健全化判断比率'!B70)</f>
        <v>
東京二十三区清掃一部事務組合</v>
      </c>
      <c r="BZ36" s="657"/>
      <c r="CA36" s="657"/>
      <c r="CB36" s="657"/>
      <c r="CC36" s="657"/>
      <c r="CD36" s="657"/>
      <c r="CE36" s="657"/>
      <c r="CF36" s="657"/>
      <c r="CG36" s="657"/>
      <c r="CH36" s="657"/>
      <c r="CI36" s="657"/>
      <c r="CJ36" s="657"/>
      <c r="CK36" s="657"/>
      <c r="CL36" s="657"/>
      <c r="CM36" s="657"/>
      <c r="CN36" s="214"/>
      <c r="CO36" s="656">
        <f t="shared" si="3"/>
        <v>
12</v>
      </c>
      <c r="CP36" s="656"/>
      <c r="CQ36" s="657" t="str">
        <f>
IF('各会計、関係団体の財政状況及び健全化判断比率'!BS9="","",'各会計、関係団体の財政状況及び健全化判断比率'!BS9)</f>
        <v>
新宿区勤労者・仕事支援センター</v>
      </c>
      <c r="CR36" s="657"/>
      <c r="CS36" s="657"/>
      <c r="CT36" s="657"/>
      <c r="CU36" s="657"/>
      <c r="CV36" s="657"/>
      <c r="CW36" s="657"/>
      <c r="CX36" s="657"/>
      <c r="CY36" s="657"/>
      <c r="CZ36" s="657"/>
      <c r="DA36" s="657"/>
      <c r="DB36" s="657"/>
      <c r="DC36" s="657"/>
      <c r="DD36" s="657"/>
      <c r="DE36" s="657"/>
      <c r="DF36" s="211"/>
      <c r="DG36" s="658" t="str">
        <f>
IF('各会計、関係団体の財政状況及び健全化判断比率'!BR9="","",'各会計、関係団体の財政状況及び健全化判断比率'!BR9)</f>
        <v/>
      </c>
      <c r="DH36" s="658"/>
      <c r="DI36" s="218"/>
      <c r="DJ36" s="186"/>
      <c r="DK36" s="186"/>
      <c r="DL36" s="186"/>
      <c r="DM36" s="186"/>
      <c r="DN36" s="186"/>
      <c r="DO36" s="186"/>
    </row>
    <row r="37" spans="1:119" ht="32.25" customHeight="1" x14ac:dyDescent="0.2">
      <c r="A37" s="187"/>
      <c r="B37" s="213"/>
      <c r="C37" s="656" t="str">
        <f>
IF(E37="","",C36+1)</f>
        <v/>
      </c>
      <c r="D37" s="656"/>
      <c r="E37" s="657" t="str">
        <f>
IF('各会計、関係団体の財政状況及び健全化判断比率'!B10="","",'各会計、関係団体の財政状況及び健全化判断比率'!B10)</f>
        <v/>
      </c>
      <c r="F37" s="657"/>
      <c r="G37" s="657"/>
      <c r="H37" s="657"/>
      <c r="I37" s="657"/>
      <c r="J37" s="657"/>
      <c r="K37" s="657"/>
      <c r="L37" s="657"/>
      <c r="M37" s="657"/>
      <c r="N37" s="657"/>
      <c r="O37" s="657"/>
      <c r="P37" s="657"/>
      <c r="Q37" s="657"/>
      <c r="R37" s="657"/>
      <c r="S37" s="657"/>
      <c r="T37" s="214"/>
      <c r="U37" s="656" t="str">
        <f t="shared" si="4"/>
        <v/>
      </c>
      <c r="V37" s="656"/>
      <c r="W37" s="657"/>
      <c r="X37" s="657"/>
      <c r="Y37" s="657"/>
      <c r="Z37" s="657"/>
      <c r="AA37" s="657"/>
      <c r="AB37" s="657"/>
      <c r="AC37" s="657"/>
      <c r="AD37" s="657"/>
      <c r="AE37" s="657"/>
      <c r="AF37" s="657"/>
      <c r="AG37" s="657"/>
      <c r="AH37" s="657"/>
      <c r="AI37" s="657"/>
      <c r="AJ37" s="657"/>
      <c r="AK37" s="657"/>
      <c r="AL37" s="214"/>
      <c r="AM37" s="656" t="str">
        <f t="shared" si="0"/>
        <v/>
      </c>
      <c r="AN37" s="656"/>
      <c r="AO37" s="657"/>
      <c r="AP37" s="657"/>
      <c r="AQ37" s="657"/>
      <c r="AR37" s="657"/>
      <c r="AS37" s="657"/>
      <c r="AT37" s="657"/>
      <c r="AU37" s="657"/>
      <c r="AV37" s="657"/>
      <c r="AW37" s="657"/>
      <c r="AX37" s="657"/>
      <c r="AY37" s="657"/>
      <c r="AZ37" s="657"/>
      <c r="BA37" s="657"/>
      <c r="BB37" s="657"/>
      <c r="BC37" s="657"/>
      <c r="BD37" s="214"/>
      <c r="BE37" s="656" t="str">
        <f t="shared" si="1"/>
        <v/>
      </c>
      <c r="BF37" s="656"/>
      <c r="BG37" s="657"/>
      <c r="BH37" s="657"/>
      <c r="BI37" s="657"/>
      <c r="BJ37" s="657"/>
      <c r="BK37" s="657"/>
      <c r="BL37" s="657"/>
      <c r="BM37" s="657"/>
      <c r="BN37" s="657"/>
      <c r="BO37" s="657"/>
      <c r="BP37" s="657"/>
      <c r="BQ37" s="657"/>
      <c r="BR37" s="657"/>
      <c r="BS37" s="657"/>
      <c r="BT37" s="657"/>
      <c r="BU37" s="657"/>
      <c r="BV37" s="214"/>
      <c r="BW37" s="656">
        <f t="shared" si="2"/>
        <v>
8</v>
      </c>
      <c r="BX37" s="656"/>
      <c r="BY37" s="657" t="str">
        <f>
IF('各会計、関係団体の財政状況及び健全化判断比率'!B71="","",'各会計、関係団体の財政状況及び健全化判断比率'!B71)</f>
        <v>
東京都後期高齢者医療広域連合（一般会計）</v>
      </c>
      <c r="BZ37" s="657"/>
      <c r="CA37" s="657"/>
      <c r="CB37" s="657"/>
      <c r="CC37" s="657"/>
      <c r="CD37" s="657"/>
      <c r="CE37" s="657"/>
      <c r="CF37" s="657"/>
      <c r="CG37" s="657"/>
      <c r="CH37" s="657"/>
      <c r="CI37" s="657"/>
      <c r="CJ37" s="657"/>
      <c r="CK37" s="657"/>
      <c r="CL37" s="657"/>
      <c r="CM37" s="657"/>
      <c r="CN37" s="214"/>
      <c r="CO37" s="656" t="str">
        <f t="shared" si="3"/>
        <v/>
      </c>
      <c r="CP37" s="656"/>
      <c r="CQ37" s="657" t="str">
        <f>
IF('各会計、関係団体の財政状況及び健全化判断比率'!BS10="","",'各会計、関係団体の財政状況及び健全化判断比率'!BS10)</f>
        <v/>
      </c>
      <c r="CR37" s="657"/>
      <c r="CS37" s="657"/>
      <c r="CT37" s="657"/>
      <c r="CU37" s="657"/>
      <c r="CV37" s="657"/>
      <c r="CW37" s="657"/>
      <c r="CX37" s="657"/>
      <c r="CY37" s="657"/>
      <c r="CZ37" s="657"/>
      <c r="DA37" s="657"/>
      <c r="DB37" s="657"/>
      <c r="DC37" s="657"/>
      <c r="DD37" s="657"/>
      <c r="DE37" s="657"/>
      <c r="DF37" s="211"/>
      <c r="DG37" s="658" t="str">
        <f>
IF('各会計、関係団体の財政状況及び健全化判断比率'!BR10="","",'各会計、関係団体の財政状況及び健全化判断比率'!BR10)</f>
        <v/>
      </c>
      <c r="DH37" s="658"/>
      <c r="DI37" s="218"/>
      <c r="DJ37" s="186"/>
      <c r="DK37" s="186"/>
      <c r="DL37" s="186"/>
      <c r="DM37" s="186"/>
      <c r="DN37" s="186"/>
      <c r="DO37" s="186"/>
    </row>
    <row r="38" spans="1:119" ht="32.25" customHeight="1" x14ac:dyDescent="0.2">
      <c r="A38" s="187"/>
      <c r="B38" s="213"/>
      <c r="C38" s="656" t="str">
        <f t="shared" ref="C38:C43" si="5">
IF(E38="","",C37+1)</f>
        <v/>
      </c>
      <c r="D38" s="656"/>
      <c r="E38" s="657" t="str">
        <f>
IF('各会計、関係団体の財政状況及び健全化判断比率'!B11="","",'各会計、関係団体の財政状況及び健全化判断比率'!B11)</f>
        <v/>
      </c>
      <c r="F38" s="657"/>
      <c r="G38" s="657"/>
      <c r="H38" s="657"/>
      <c r="I38" s="657"/>
      <c r="J38" s="657"/>
      <c r="K38" s="657"/>
      <c r="L38" s="657"/>
      <c r="M38" s="657"/>
      <c r="N38" s="657"/>
      <c r="O38" s="657"/>
      <c r="P38" s="657"/>
      <c r="Q38" s="657"/>
      <c r="R38" s="657"/>
      <c r="S38" s="657"/>
      <c r="T38" s="214"/>
      <c r="U38" s="656" t="str">
        <f t="shared" si="4"/>
        <v/>
      </c>
      <c r="V38" s="656"/>
      <c r="W38" s="657"/>
      <c r="X38" s="657"/>
      <c r="Y38" s="657"/>
      <c r="Z38" s="657"/>
      <c r="AA38" s="657"/>
      <c r="AB38" s="657"/>
      <c r="AC38" s="657"/>
      <c r="AD38" s="657"/>
      <c r="AE38" s="657"/>
      <c r="AF38" s="657"/>
      <c r="AG38" s="657"/>
      <c r="AH38" s="657"/>
      <c r="AI38" s="657"/>
      <c r="AJ38" s="657"/>
      <c r="AK38" s="657"/>
      <c r="AL38" s="214"/>
      <c r="AM38" s="656" t="str">
        <f t="shared" si="0"/>
        <v/>
      </c>
      <c r="AN38" s="656"/>
      <c r="AO38" s="657"/>
      <c r="AP38" s="657"/>
      <c r="AQ38" s="657"/>
      <c r="AR38" s="657"/>
      <c r="AS38" s="657"/>
      <c r="AT38" s="657"/>
      <c r="AU38" s="657"/>
      <c r="AV38" s="657"/>
      <c r="AW38" s="657"/>
      <c r="AX38" s="657"/>
      <c r="AY38" s="657"/>
      <c r="AZ38" s="657"/>
      <c r="BA38" s="657"/>
      <c r="BB38" s="657"/>
      <c r="BC38" s="657"/>
      <c r="BD38" s="214"/>
      <c r="BE38" s="656" t="str">
        <f t="shared" si="1"/>
        <v/>
      </c>
      <c r="BF38" s="656"/>
      <c r="BG38" s="657"/>
      <c r="BH38" s="657"/>
      <c r="BI38" s="657"/>
      <c r="BJ38" s="657"/>
      <c r="BK38" s="657"/>
      <c r="BL38" s="657"/>
      <c r="BM38" s="657"/>
      <c r="BN38" s="657"/>
      <c r="BO38" s="657"/>
      <c r="BP38" s="657"/>
      <c r="BQ38" s="657"/>
      <c r="BR38" s="657"/>
      <c r="BS38" s="657"/>
      <c r="BT38" s="657"/>
      <c r="BU38" s="657"/>
      <c r="BV38" s="214"/>
      <c r="BW38" s="656">
        <f t="shared" si="2"/>
        <v>
9</v>
      </c>
      <c r="BX38" s="656"/>
      <c r="BY38" s="657" t="str">
        <f>
IF('各会計、関係団体の財政状況及び健全化判断比率'!B72="","",'各会計、関係団体の財政状況及び健全化判断比率'!B72)</f>
        <v>
東京都後期高齢者医療広域連合（後期高齢者医療特別会計）</v>
      </c>
      <c r="BZ38" s="657"/>
      <c r="CA38" s="657"/>
      <c r="CB38" s="657"/>
      <c r="CC38" s="657"/>
      <c r="CD38" s="657"/>
      <c r="CE38" s="657"/>
      <c r="CF38" s="657"/>
      <c r="CG38" s="657"/>
      <c r="CH38" s="657"/>
      <c r="CI38" s="657"/>
      <c r="CJ38" s="657"/>
      <c r="CK38" s="657"/>
      <c r="CL38" s="657"/>
      <c r="CM38" s="657"/>
      <c r="CN38" s="214"/>
      <c r="CO38" s="656" t="str">
        <f t="shared" si="3"/>
        <v/>
      </c>
      <c r="CP38" s="656"/>
      <c r="CQ38" s="657" t="str">
        <f>
IF('各会計、関係団体の財政状況及び健全化判断比率'!BS11="","",'各会計、関係団体の財政状況及び健全化判断比率'!BS11)</f>
        <v/>
      </c>
      <c r="CR38" s="657"/>
      <c r="CS38" s="657"/>
      <c r="CT38" s="657"/>
      <c r="CU38" s="657"/>
      <c r="CV38" s="657"/>
      <c r="CW38" s="657"/>
      <c r="CX38" s="657"/>
      <c r="CY38" s="657"/>
      <c r="CZ38" s="657"/>
      <c r="DA38" s="657"/>
      <c r="DB38" s="657"/>
      <c r="DC38" s="657"/>
      <c r="DD38" s="657"/>
      <c r="DE38" s="657"/>
      <c r="DF38" s="211"/>
      <c r="DG38" s="658" t="str">
        <f>
IF('各会計、関係団体の財政状況及び健全化判断比率'!BR11="","",'各会計、関係団体の財政状況及び健全化判断比率'!BR11)</f>
        <v/>
      </c>
      <c r="DH38" s="658"/>
      <c r="DI38" s="218"/>
      <c r="DJ38" s="186"/>
      <c r="DK38" s="186"/>
      <c r="DL38" s="186"/>
      <c r="DM38" s="186"/>
      <c r="DN38" s="186"/>
      <c r="DO38" s="186"/>
    </row>
    <row r="39" spans="1:119" ht="32.25" customHeight="1" x14ac:dyDescent="0.2">
      <c r="A39" s="187"/>
      <c r="B39" s="213"/>
      <c r="C39" s="656" t="str">
        <f t="shared" si="5"/>
        <v/>
      </c>
      <c r="D39" s="656"/>
      <c r="E39" s="657" t="str">
        <f>
IF('各会計、関係団体の財政状況及び健全化判断比率'!B12="","",'各会計、関係団体の財政状況及び健全化判断比率'!B12)</f>
        <v/>
      </c>
      <c r="F39" s="657"/>
      <c r="G39" s="657"/>
      <c r="H39" s="657"/>
      <c r="I39" s="657"/>
      <c r="J39" s="657"/>
      <c r="K39" s="657"/>
      <c r="L39" s="657"/>
      <c r="M39" s="657"/>
      <c r="N39" s="657"/>
      <c r="O39" s="657"/>
      <c r="P39" s="657"/>
      <c r="Q39" s="657"/>
      <c r="R39" s="657"/>
      <c r="S39" s="657"/>
      <c r="T39" s="214"/>
      <c r="U39" s="656" t="str">
        <f t="shared" si="4"/>
        <v/>
      </c>
      <c r="V39" s="656"/>
      <c r="W39" s="657"/>
      <c r="X39" s="657"/>
      <c r="Y39" s="657"/>
      <c r="Z39" s="657"/>
      <c r="AA39" s="657"/>
      <c r="AB39" s="657"/>
      <c r="AC39" s="657"/>
      <c r="AD39" s="657"/>
      <c r="AE39" s="657"/>
      <c r="AF39" s="657"/>
      <c r="AG39" s="657"/>
      <c r="AH39" s="657"/>
      <c r="AI39" s="657"/>
      <c r="AJ39" s="657"/>
      <c r="AK39" s="657"/>
      <c r="AL39" s="214"/>
      <c r="AM39" s="656" t="str">
        <f t="shared" si="0"/>
        <v/>
      </c>
      <c r="AN39" s="656"/>
      <c r="AO39" s="657"/>
      <c r="AP39" s="657"/>
      <c r="AQ39" s="657"/>
      <c r="AR39" s="657"/>
      <c r="AS39" s="657"/>
      <c r="AT39" s="657"/>
      <c r="AU39" s="657"/>
      <c r="AV39" s="657"/>
      <c r="AW39" s="657"/>
      <c r="AX39" s="657"/>
      <c r="AY39" s="657"/>
      <c r="AZ39" s="657"/>
      <c r="BA39" s="657"/>
      <c r="BB39" s="657"/>
      <c r="BC39" s="657"/>
      <c r="BD39" s="214"/>
      <c r="BE39" s="656" t="str">
        <f t="shared" si="1"/>
        <v/>
      </c>
      <c r="BF39" s="656"/>
      <c r="BG39" s="657"/>
      <c r="BH39" s="657"/>
      <c r="BI39" s="657"/>
      <c r="BJ39" s="657"/>
      <c r="BK39" s="657"/>
      <c r="BL39" s="657"/>
      <c r="BM39" s="657"/>
      <c r="BN39" s="657"/>
      <c r="BO39" s="657"/>
      <c r="BP39" s="657"/>
      <c r="BQ39" s="657"/>
      <c r="BR39" s="657"/>
      <c r="BS39" s="657"/>
      <c r="BT39" s="657"/>
      <c r="BU39" s="657"/>
      <c r="BV39" s="214"/>
      <c r="BW39" s="656" t="str">
        <f t="shared" si="2"/>
        <v/>
      </c>
      <c r="BX39" s="656"/>
      <c r="BY39" s="657" t="str">
        <f>
IF('各会計、関係団体の財政状況及び健全化判断比率'!B73="","",'各会計、関係団体の財政状況及び健全化判断比率'!B73)</f>
        <v/>
      </c>
      <c r="BZ39" s="657"/>
      <c r="CA39" s="657"/>
      <c r="CB39" s="657"/>
      <c r="CC39" s="657"/>
      <c r="CD39" s="657"/>
      <c r="CE39" s="657"/>
      <c r="CF39" s="657"/>
      <c r="CG39" s="657"/>
      <c r="CH39" s="657"/>
      <c r="CI39" s="657"/>
      <c r="CJ39" s="657"/>
      <c r="CK39" s="657"/>
      <c r="CL39" s="657"/>
      <c r="CM39" s="657"/>
      <c r="CN39" s="214"/>
      <c r="CO39" s="656" t="str">
        <f t="shared" si="3"/>
        <v/>
      </c>
      <c r="CP39" s="656"/>
      <c r="CQ39" s="657" t="str">
        <f>
IF('各会計、関係団体の財政状況及び健全化判断比率'!BS12="","",'各会計、関係団体の財政状況及び健全化判断比率'!BS12)</f>
        <v/>
      </c>
      <c r="CR39" s="657"/>
      <c r="CS39" s="657"/>
      <c r="CT39" s="657"/>
      <c r="CU39" s="657"/>
      <c r="CV39" s="657"/>
      <c r="CW39" s="657"/>
      <c r="CX39" s="657"/>
      <c r="CY39" s="657"/>
      <c r="CZ39" s="657"/>
      <c r="DA39" s="657"/>
      <c r="DB39" s="657"/>
      <c r="DC39" s="657"/>
      <c r="DD39" s="657"/>
      <c r="DE39" s="657"/>
      <c r="DF39" s="211"/>
      <c r="DG39" s="658" t="str">
        <f>
IF('各会計、関係団体の財政状況及び健全化判断比率'!BR12="","",'各会計、関係団体の財政状況及び健全化判断比率'!BR12)</f>
        <v/>
      </c>
      <c r="DH39" s="658"/>
      <c r="DI39" s="218"/>
      <c r="DJ39" s="186"/>
      <c r="DK39" s="186"/>
      <c r="DL39" s="186"/>
      <c r="DM39" s="186"/>
      <c r="DN39" s="186"/>
      <c r="DO39" s="186"/>
    </row>
    <row r="40" spans="1:119" ht="32.25" customHeight="1" x14ac:dyDescent="0.2">
      <c r="A40" s="187"/>
      <c r="B40" s="213"/>
      <c r="C40" s="656" t="str">
        <f t="shared" si="5"/>
        <v/>
      </c>
      <c r="D40" s="656"/>
      <c r="E40" s="657" t="str">
        <f>
IF('各会計、関係団体の財政状況及び健全化判断比率'!B13="","",'各会計、関係団体の財政状況及び健全化判断比率'!B13)</f>
        <v/>
      </c>
      <c r="F40" s="657"/>
      <c r="G40" s="657"/>
      <c r="H40" s="657"/>
      <c r="I40" s="657"/>
      <c r="J40" s="657"/>
      <c r="K40" s="657"/>
      <c r="L40" s="657"/>
      <c r="M40" s="657"/>
      <c r="N40" s="657"/>
      <c r="O40" s="657"/>
      <c r="P40" s="657"/>
      <c r="Q40" s="657"/>
      <c r="R40" s="657"/>
      <c r="S40" s="657"/>
      <c r="T40" s="214"/>
      <c r="U40" s="656" t="str">
        <f t="shared" si="4"/>
        <v/>
      </c>
      <c r="V40" s="656"/>
      <c r="W40" s="657"/>
      <c r="X40" s="657"/>
      <c r="Y40" s="657"/>
      <c r="Z40" s="657"/>
      <c r="AA40" s="657"/>
      <c r="AB40" s="657"/>
      <c r="AC40" s="657"/>
      <c r="AD40" s="657"/>
      <c r="AE40" s="657"/>
      <c r="AF40" s="657"/>
      <c r="AG40" s="657"/>
      <c r="AH40" s="657"/>
      <c r="AI40" s="657"/>
      <c r="AJ40" s="657"/>
      <c r="AK40" s="657"/>
      <c r="AL40" s="214"/>
      <c r="AM40" s="656" t="str">
        <f t="shared" si="0"/>
        <v/>
      </c>
      <c r="AN40" s="656"/>
      <c r="AO40" s="657"/>
      <c r="AP40" s="657"/>
      <c r="AQ40" s="657"/>
      <c r="AR40" s="657"/>
      <c r="AS40" s="657"/>
      <c r="AT40" s="657"/>
      <c r="AU40" s="657"/>
      <c r="AV40" s="657"/>
      <c r="AW40" s="657"/>
      <c r="AX40" s="657"/>
      <c r="AY40" s="657"/>
      <c r="AZ40" s="657"/>
      <c r="BA40" s="657"/>
      <c r="BB40" s="657"/>
      <c r="BC40" s="657"/>
      <c r="BD40" s="214"/>
      <c r="BE40" s="656" t="str">
        <f t="shared" si="1"/>
        <v/>
      </c>
      <c r="BF40" s="656"/>
      <c r="BG40" s="657"/>
      <c r="BH40" s="657"/>
      <c r="BI40" s="657"/>
      <c r="BJ40" s="657"/>
      <c r="BK40" s="657"/>
      <c r="BL40" s="657"/>
      <c r="BM40" s="657"/>
      <c r="BN40" s="657"/>
      <c r="BO40" s="657"/>
      <c r="BP40" s="657"/>
      <c r="BQ40" s="657"/>
      <c r="BR40" s="657"/>
      <c r="BS40" s="657"/>
      <c r="BT40" s="657"/>
      <c r="BU40" s="657"/>
      <c r="BV40" s="214"/>
      <c r="BW40" s="656" t="str">
        <f t="shared" si="2"/>
        <v/>
      </c>
      <c r="BX40" s="656"/>
      <c r="BY40" s="657" t="str">
        <f>
IF('各会計、関係団体の財政状況及び健全化判断比率'!B74="","",'各会計、関係団体の財政状況及び健全化判断比率'!B74)</f>
        <v/>
      </c>
      <c r="BZ40" s="657"/>
      <c r="CA40" s="657"/>
      <c r="CB40" s="657"/>
      <c r="CC40" s="657"/>
      <c r="CD40" s="657"/>
      <c r="CE40" s="657"/>
      <c r="CF40" s="657"/>
      <c r="CG40" s="657"/>
      <c r="CH40" s="657"/>
      <c r="CI40" s="657"/>
      <c r="CJ40" s="657"/>
      <c r="CK40" s="657"/>
      <c r="CL40" s="657"/>
      <c r="CM40" s="657"/>
      <c r="CN40" s="214"/>
      <c r="CO40" s="656" t="str">
        <f t="shared" si="3"/>
        <v/>
      </c>
      <c r="CP40" s="656"/>
      <c r="CQ40" s="657" t="str">
        <f>
IF('各会計、関係団体の財政状況及び健全化判断比率'!BS13="","",'各会計、関係団体の財政状況及び健全化判断比率'!BS13)</f>
        <v/>
      </c>
      <c r="CR40" s="657"/>
      <c r="CS40" s="657"/>
      <c r="CT40" s="657"/>
      <c r="CU40" s="657"/>
      <c r="CV40" s="657"/>
      <c r="CW40" s="657"/>
      <c r="CX40" s="657"/>
      <c r="CY40" s="657"/>
      <c r="CZ40" s="657"/>
      <c r="DA40" s="657"/>
      <c r="DB40" s="657"/>
      <c r="DC40" s="657"/>
      <c r="DD40" s="657"/>
      <c r="DE40" s="657"/>
      <c r="DF40" s="211"/>
      <c r="DG40" s="658" t="str">
        <f>
IF('各会計、関係団体の財政状況及び健全化判断比率'!BR13="","",'各会計、関係団体の財政状況及び健全化判断比率'!BR13)</f>
        <v/>
      </c>
      <c r="DH40" s="658"/>
      <c r="DI40" s="218"/>
      <c r="DJ40" s="186"/>
      <c r="DK40" s="186"/>
      <c r="DL40" s="186"/>
      <c r="DM40" s="186"/>
      <c r="DN40" s="186"/>
      <c r="DO40" s="186"/>
    </row>
    <row r="41" spans="1:119" ht="32.25" customHeight="1" x14ac:dyDescent="0.2">
      <c r="A41" s="187"/>
      <c r="B41" s="213"/>
      <c r="C41" s="656" t="str">
        <f t="shared" si="5"/>
        <v/>
      </c>
      <c r="D41" s="656"/>
      <c r="E41" s="657" t="str">
        <f>
IF('各会計、関係団体の財政状況及び健全化判断比率'!B14="","",'各会計、関係団体の財政状況及び健全化判断比率'!B14)</f>
        <v/>
      </c>
      <c r="F41" s="657"/>
      <c r="G41" s="657"/>
      <c r="H41" s="657"/>
      <c r="I41" s="657"/>
      <c r="J41" s="657"/>
      <c r="K41" s="657"/>
      <c r="L41" s="657"/>
      <c r="M41" s="657"/>
      <c r="N41" s="657"/>
      <c r="O41" s="657"/>
      <c r="P41" s="657"/>
      <c r="Q41" s="657"/>
      <c r="R41" s="657"/>
      <c r="S41" s="657"/>
      <c r="T41" s="214"/>
      <c r="U41" s="656" t="str">
        <f t="shared" si="4"/>
        <v/>
      </c>
      <c r="V41" s="656"/>
      <c r="W41" s="657"/>
      <c r="X41" s="657"/>
      <c r="Y41" s="657"/>
      <c r="Z41" s="657"/>
      <c r="AA41" s="657"/>
      <c r="AB41" s="657"/>
      <c r="AC41" s="657"/>
      <c r="AD41" s="657"/>
      <c r="AE41" s="657"/>
      <c r="AF41" s="657"/>
      <c r="AG41" s="657"/>
      <c r="AH41" s="657"/>
      <c r="AI41" s="657"/>
      <c r="AJ41" s="657"/>
      <c r="AK41" s="657"/>
      <c r="AL41" s="214"/>
      <c r="AM41" s="656" t="str">
        <f t="shared" si="0"/>
        <v/>
      </c>
      <c r="AN41" s="656"/>
      <c r="AO41" s="657"/>
      <c r="AP41" s="657"/>
      <c r="AQ41" s="657"/>
      <c r="AR41" s="657"/>
      <c r="AS41" s="657"/>
      <c r="AT41" s="657"/>
      <c r="AU41" s="657"/>
      <c r="AV41" s="657"/>
      <c r="AW41" s="657"/>
      <c r="AX41" s="657"/>
      <c r="AY41" s="657"/>
      <c r="AZ41" s="657"/>
      <c r="BA41" s="657"/>
      <c r="BB41" s="657"/>
      <c r="BC41" s="657"/>
      <c r="BD41" s="214"/>
      <c r="BE41" s="656" t="str">
        <f t="shared" si="1"/>
        <v/>
      </c>
      <c r="BF41" s="656"/>
      <c r="BG41" s="657"/>
      <c r="BH41" s="657"/>
      <c r="BI41" s="657"/>
      <c r="BJ41" s="657"/>
      <c r="BK41" s="657"/>
      <c r="BL41" s="657"/>
      <c r="BM41" s="657"/>
      <c r="BN41" s="657"/>
      <c r="BO41" s="657"/>
      <c r="BP41" s="657"/>
      <c r="BQ41" s="657"/>
      <c r="BR41" s="657"/>
      <c r="BS41" s="657"/>
      <c r="BT41" s="657"/>
      <c r="BU41" s="657"/>
      <c r="BV41" s="214"/>
      <c r="BW41" s="656" t="str">
        <f t="shared" si="2"/>
        <v/>
      </c>
      <c r="BX41" s="656"/>
      <c r="BY41" s="657" t="str">
        <f>
IF('各会計、関係団体の財政状況及び健全化判断比率'!B75="","",'各会計、関係団体の財政状況及び健全化判断比率'!B75)</f>
        <v/>
      </c>
      <c r="BZ41" s="657"/>
      <c r="CA41" s="657"/>
      <c r="CB41" s="657"/>
      <c r="CC41" s="657"/>
      <c r="CD41" s="657"/>
      <c r="CE41" s="657"/>
      <c r="CF41" s="657"/>
      <c r="CG41" s="657"/>
      <c r="CH41" s="657"/>
      <c r="CI41" s="657"/>
      <c r="CJ41" s="657"/>
      <c r="CK41" s="657"/>
      <c r="CL41" s="657"/>
      <c r="CM41" s="657"/>
      <c r="CN41" s="214"/>
      <c r="CO41" s="656" t="str">
        <f t="shared" si="3"/>
        <v/>
      </c>
      <c r="CP41" s="656"/>
      <c r="CQ41" s="657" t="str">
        <f>
IF('各会計、関係団体の財政状況及び健全化判断比率'!BS14="","",'各会計、関係団体の財政状況及び健全化判断比率'!BS14)</f>
        <v/>
      </c>
      <c r="CR41" s="657"/>
      <c r="CS41" s="657"/>
      <c r="CT41" s="657"/>
      <c r="CU41" s="657"/>
      <c r="CV41" s="657"/>
      <c r="CW41" s="657"/>
      <c r="CX41" s="657"/>
      <c r="CY41" s="657"/>
      <c r="CZ41" s="657"/>
      <c r="DA41" s="657"/>
      <c r="DB41" s="657"/>
      <c r="DC41" s="657"/>
      <c r="DD41" s="657"/>
      <c r="DE41" s="657"/>
      <c r="DF41" s="211"/>
      <c r="DG41" s="658" t="str">
        <f>
IF('各会計、関係団体の財政状況及び健全化判断比率'!BR14="","",'各会計、関係団体の財政状況及び健全化判断比率'!BR14)</f>
        <v/>
      </c>
      <c r="DH41" s="658"/>
      <c r="DI41" s="218"/>
      <c r="DJ41" s="186"/>
      <c r="DK41" s="186"/>
      <c r="DL41" s="186"/>
      <c r="DM41" s="186"/>
      <c r="DN41" s="186"/>
      <c r="DO41" s="186"/>
    </row>
    <row r="42" spans="1:119" ht="32.25" customHeight="1" x14ac:dyDescent="0.2">
      <c r="A42" s="186"/>
      <c r="B42" s="213"/>
      <c r="C42" s="656" t="str">
        <f t="shared" si="5"/>
        <v/>
      </c>
      <c r="D42" s="656"/>
      <c r="E42" s="657" t="str">
        <f>
IF('各会計、関係団体の財政状況及び健全化判断比率'!B15="","",'各会計、関係団体の財政状況及び健全化判断比率'!B15)</f>
        <v/>
      </c>
      <c r="F42" s="657"/>
      <c r="G42" s="657"/>
      <c r="H42" s="657"/>
      <c r="I42" s="657"/>
      <c r="J42" s="657"/>
      <c r="K42" s="657"/>
      <c r="L42" s="657"/>
      <c r="M42" s="657"/>
      <c r="N42" s="657"/>
      <c r="O42" s="657"/>
      <c r="P42" s="657"/>
      <c r="Q42" s="657"/>
      <c r="R42" s="657"/>
      <c r="S42" s="657"/>
      <c r="T42" s="214"/>
      <c r="U42" s="656" t="str">
        <f t="shared" si="4"/>
        <v/>
      </c>
      <c r="V42" s="656"/>
      <c r="W42" s="657"/>
      <c r="X42" s="657"/>
      <c r="Y42" s="657"/>
      <c r="Z42" s="657"/>
      <c r="AA42" s="657"/>
      <c r="AB42" s="657"/>
      <c r="AC42" s="657"/>
      <c r="AD42" s="657"/>
      <c r="AE42" s="657"/>
      <c r="AF42" s="657"/>
      <c r="AG42" s="657"/>
      <c r="AH42" s="657"/>
      <c r="AI42" s="657"/>
      <c r="AJ42" s="657"/>
      <c r="AK42" s="657"/>
      <c r="AL42" s="214"/>
      <c r="AM42" s="656" t="str">
        <f t="shared" si="0"/>
        <v/>
      </c>
      <c r="AN42" s="656"/>
      <c r="AO42" s="657"/>
      <c r="AP42" s="657"/>
      <c r="AQ42" s="657"/>
      <c r="AR42" s="657"/>
      <c r="AS42" s="657"/>
      <c r="AT42" s="657"/>
      <c r="AU42" s="657"/>
      <c r="AV42" s="657"/>
      <c r="AW42" s="657"/>
      <c r="AX42" s="657"/>
      <c r="AY42" s="657"/>
      <c r="AZ42" s="657"/>
      <c r="BA42" s="657"/>
      <c r="BB42" s="657"/>
      <c r="BC42" s="657"/>
      <c r="BD42" s="214"/>
      <c r="BE42" s="656" t="str">
        <f t="shared" si="1"/>
        <v/>
      </c>
      <c r="BF42" s="656"/>
      <c r="BG42" s="657"/>
      <c r="BH42" s="657"/>
      <c r="BI42" s="657"/>
      <c r="BJ42" s="657"/>
      <c r="BK42" s="657"/>
      <c r="BL42" s="657"/>
      <c r="BM42" s="657"/>
      <c r="BN42" s="657"/>
      <c r="BO42" s="657"/>
      <c r="BP42" s="657"/>
      <c r="BQ42" s="657"/>
      <c r="BR42" s="657"/>
      <c r="BS42" s="657"/>
      <c r="BT42" s="657"/>
      <c r="BU42" s="657"/>
      <c r="BV42" s="214"/>
      <c r="BW42" s="656" t="str">
        <f t="shared" si="2"/>
        <v/>
      </c>
      <c r="BX42" s="656"/>
      <c r="BY42" s="657" t="str">
        <f>
IF('各会計、関係団体の財政状況及び健全化判断比率'!B76="","",'各会計、関係団体の財政状況及び健全化判断比率'!B76)</f>
        <v/>
      </c>
      <c r="BZ42" s="657"/>
      <c r="CA42" s="657"/>
      <c r="CB42" s="657"/>
      <c r="CC42" s="657"/>
      <c r="CD42" s="657"/>
      <c r="CE42" s="657"/>
      <c r="CF42" s="657"/>
      <c r="CG42" s="657"/>
      <c r="CH42" s="657"/>
      <c r="CI42" s="657"/>
      <c r="CJ42" s="657"/>
      <c r="CK42" s="657"/>
      <c r="CL42" s="657"/>
      <c r="CM42" s="657"/>
      <c r="CN42" s="214"/>
      <c r="CO42" s="656" t="str">
        <f t="shared" si="3"/>
        <v/>
      </c>
      <c r="CP42" s="656"/>
      <c r="CQ42" s="657" t="str">
        <f>
IF('各会計、関係団体の財政状況及び健全化判断比率'!BS15="","",'各会計、関係団体の財政状況及び健全化判断比率'!BS15)</f>
        <v/>
      </c>
      <c r="CR42" s="657"/>
      <c r="CS42" s="657"/>
      <c r="CT42" s="657"/>
      <c r="CU42" s="657"/>
      <c r="CV42" s="657"/>
      <c r="CW42" s="657"/>
      <c r="CX42" s="657"/>
      <c r="CY42" s="657"/>
      <c r="CZ42" s="657"/>
      <c r="DA42" s="657"/>
      <c r="DB42" s="657"/>
      <c r="DC42" s="657"/>
      <c r="DD42" s="657"/>
      <c r="DE42" s="657"/>
      <c r="DF42" s="211"/>
      <c r="DG42" s="658" t="str">
        <f>
IF('各会計、関係団体の財政状況及び健全化判断比率'!BR15="","",'各会計、関係団体の財政状況及び健全化判断比率'!BR15)</f>
        <v/>
      </c>
      <c r="DH42" s="658"/>
      <c r="DI42" s="218"/>
      <c r="DJ42" s="186"/>
      <c r="DK42" s="186"/>
      <c r="DL42" s="186"/>
      <c r="DM42" s="186"/>
      <c r="DN42" s="186"/>
      <c r="DO42" s="186"/>
    </row>
    <row r="43" spans="1:119" ht="32.25" customHeight="1" x14ac:dyDescent="0.2">
      <c r="A43" s="186"/>
      <c r="B43" s="213"/>
      <c r="C43" s="656" t="str">
        <f t="shared" si="5"/>
        <v/>
      </c>
      <c r="D43" s="656"/>
      <c r="E43" s="657" t="str">
        <f>
IF('各会計、関係団体の財政状況及び健全化判断比率'!B16="","",'各会計、関係団体の財政状況及び健全化判断比率'!B16)</f>
        <v/>
      </c>
      <c r="F43" s="657"/>
      <c r="G43" s="657"/>
      <c r="H43" s="657"/>
      <c r="I43" s="657"/>
      <c r="J43" s="657"/>
      <c r="K43" s="657"/>
      <c r="L43" s="657"/>
      <c r="M43" s="657"/>
      <c r="N43" s="657"/>
      <c r="O43" s="657"/>
      <c r="P43" s="657"/>
      <c r="Q43" s="657"/>
      <c r="R43" s="657"/>
      <c r="S43" s="657"/>
      <c r="T43" s="214"/>
      <c r="U43" s="656" t="str">
        <f t="shared" si="4"/>
        <v/>
      </c>
      <c r="V43" s="656"/>
      <c r="W43" s="657"/>
      <c r="X43" s="657"/>
      <c r="Y43" s="657"/>
      <c r="Z43" s="657"/>
      <c r="AA43" s="657"/>
      <c r="AB43" s="657"/>
      <c r="AC43" s="657"/>
      <c r="AD43" s="657"/>
      <c r="AE43" s="657"/>
      <c r="AF43" s="657"/>
      <c r="AG43" s="657"/>
      <c r="AH43" s="657"/>
      <c r="AI43" s="657"/>
      <c r="AJ43" s="657"/>
      <c r="AK43" s="657"/>
      <c r="AL43" s="214"/>
      <c r="AM43" s="656" t="str">
        <f t="shared" si="0"/>
        <v/>
      </c>
      <c r="AN43" s="656"/>
      <c r="AO43" s="657"/>
      <c r="AP43" s="657"/>
      <c r="AQ43" s="657"/>
      <c r="AR43" s="657"/>
      <c r="AS43" s="657"/>
      <c r="AT43" s="657"/>
      <c r="AU43" s="657"/>
      <c r="AV43" s="657"/>
      <c r="AW43" s="657"/>
      <c r="AX43" s="657"/>
      <c r="AY43" s="657"/>
      <c r="AZ43" s="657"/>
      <c r="BA43" s="657"/>
      <c r="BB43" s="657"/>
      <c r="BC43" s="657"/>
      <c r="BD43" s="214"/>
      <c r="BE43" s="656" t="str">
        <f t="shared" si="1"/>
        <v/>
      </c>
      <c r="BF43" s="656"/>
      <c r="BG43" s="657"/>
      <c r="BH43" s="657"/>
      <c r="BI43" s="657"/>
      <c r="BJ43" s="657"/>
      <c r="BK43" s="657"/>
      <c r="BL43" s="657"/>
      <c r="BM43" s="657"/>
      <c r="BN43" s="657"/>
      <c r="BO43" s="657"/>
      <c r="BP43" s="657"/>
      <c r="BQ43" s="657"/>
      <c r="BR43" s="657"/>
      <c r="BS43" s="657"/>
      <c r="BT43" s="657"/>
      <c r="BU43" s="657"/>
      <c r="BV43" s="214"/>
      <c r="BW43" s="656" t="str">
        <f t="shared" si="2"/>
        <v/>
      </c>
      <c r="BX43" s="656"/>
      <c r="BY43" s="657" t="str">
        <f>
IF('各会計、関係団体の財政状況及び健全化判断比率'!B77="","",'各会計、関係団体の財政状況及び健全化判断比率'!B77)</f>
        <v/>
      </c>
      <c r="BZ43" s="657"/>
      <c r="CA43" s="657"/>
      <c r="CB43" s="657"/>
      <c r="CC43" s="657"/>
      <c r="CD43" s="657"/>
      <c r="CE43" s="657"/>
      <c r="CF43" s="657"/>
      <c r="CG43" s="657"/>
      <c r="CH43" s="657"/>
      <c r="CI43" s="657"/>
      <c r="CJ43" s="657"/>
      <c r="CK43" s="657"/>
      <c r="CL43" s="657"/>
      <c r="CM43" s="657"/>
      <c r="CN43" s="214"/>
      <c r="CO43" s="656" t="str">
        <f t="shared" si="3"/>
        <v/>
      </c>
      <c r="CP43" s="656"/>
      <c r="CQ43" s="657" t="str">
        <f>
IF('各会計、関係団体の財政状況及び健全化判断比率'!BS16="","",'各会計、関係団体の財政状況及び健全化判断比率'!BS16)</f>
        <v/>
      </c>
      <c r="CR43" s="657"/>
      <c r="CS43" s="657"/>
      <c r="CT43" s="657"/>
      <c r="CU43" s="657"/>
      <c r="CV43" s="657"/>
      <c r="CW43" s="657"/>
      <c r="CX43" s="657"/>
      <c r="CY43" s="657"/>
      <c r="CZ43" s="657"/>
      <c r="DA43" s="657"/>
      <c r="DB43" s="657"/>
      <c r="DC43" s="657"/>
      <c r="DD43" s="657"/>
      <c r="DE43" s="657"/>
      <c r="DF43" s="211"/>
      <c r="DG43" s="658" t="str">
        <f>
IF('各会計、関係団体の財政状況及び健全化判断比率'!BR16="","",'各会計、関係団体の財政状況及び健全化判断比率'!BR16)</f>
        <v/>
      </c>
      <c r="DH43" s="65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
213</v>
      </c>
      <c r="C46" s="186"/>
      <c r="D46" s="186"/>
      <c r="E46" s="186" t="s">
        <v>
21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
21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
21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
217</v>
      </c>
    </row>
    <row r="50" spans="5:5" x14ac:dyDescent="0.2">
      <c r="E50" s="188" t="s">
        <v>
218</v>
      </c>
    </row>
    <row r="51" spans="5:5" x14ac:dyDescent="0.2">
      <c r="E51" s="188" t="s">
        <v>
219</v>
      </c>
    </row>
    <row r="52" spans="5:5" x14ac:dyDescent="0.2">
      <c r="E52" s="188" t="s">
        <v>
220</v>
      </c>
    </row>
    <row r="53" spans="5:5" x14ac:dyDescent="0.2"/>
    <row r="54" spans="5:5" x14ac:dyDescent="0.2"/>
    <row r="55" spans="5:5" x14ac:dyDescent="0.2"/>
    <row r="56" spans="5:5" x14ac:dyDescent="0.2"/>
  </sheetData>
  <sheetProtection algorithmName="SHA-512" hashValue="KsQad2sA4nfDQjWkwFLRoAeUaVvIOdHn11xfXywkdthKGtjqk61Jm9wSj9lIbAPt+E5SiScw60bB0l3OHnCkjQ==" saltValue="kkhTcf3xHSEqrULPDPHfmw=="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headerFooter>
    <oddFooter>
&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
6</v>
      </c>
      <c r="K32" s="22"/>
      <c r="L32" s="22"/>
      <c r="M32" s="22"/>
      <c r="N32" s="22"/>
      <c r="O32" s="22"/>
      <c r="P32" s="22"/>
    </row>
    <row r="33" spans="1:16" ht="39" customHeight="1" thickBot="1" x14ac:dyDescent="0.25">
      <c r="A33" s="22"/>
      <c r="B33" s="25" t="s">
        <v>
7</v>
      </c>
      <c r="C33" s="26"/>
      <c r="D33" s="26"/>
      <c r="E33" s="27" t="s">
        <v>
2</v>
      </c>
      <c r="F33" s="28" t="s">
        <v>
551</v>
      </c>
      <c r="G33" s="29" t="s">
        <v>
552</v>
      </c>
      <c r="H33" s="29" t="s">
        <v>
553</v>
      </c>
      <c r="I33" s="29" t="s">
        <v>
554</v>
      </c>
      <c r="J33" s="30" t="s">
        <v>
555</v>
      </c>
      <c r="K33" s="22"/>
      <c r="L33" s="22"/>
      <c r="M33" s="22"/>
      <c r="N33" s="22"/>
      <c r="O33" s="22"/>
      <c r="P33" s="22"/>
    </row>
    <row r="34" spans="1:16" ht="39" customHeight="1" x14ac:dyDescent="0.2">
      <c r="A34" s="22"/>
      <c r="B34" s="31"/>
      <c r="C34" s="1256" t="s">
        <v>
556</v>
      </c>
      <c r="D34" s="1256"/>
      <c r="E34" s="1257"/>
      <c r="F34" s="32">
        <v>
5.07</v>
      </c>
      <c r="G34" s="33">
        <v>
4.08</v>
      </c>
      <c r="H34" s="33">
        <v>
6.48</v>
      </c>
      <c r="I34" s="33">
        <v>
4.49</v>
      </c>
      <c r="J34" s="34">
        <v>
3.76</v>
      </c>
      <c r="K34" s="22"/>
      <c r="L34" s="22"/>
      <c r="M34" s="22"/>
      <c r="N34" s="22"/>
      <c r="O34" s="22"/>
      <c r="P34" s="22"/>
    </row>
    <row r="35" spans="1:16" ht="39" customHeight="1" x14ac:dyDescent="0.2">
      <c r="A35" s="22"/>
      <c r="B35" s="35"/>
      <c r="C35" s="1250" t="s">
        <v>
557</v>
      </c>
      <c r="D35" s="1251"/>
      <c r="E35" s="1252"/>
      <c r="F35" s="36">
        <v>
0.64</v>
      </c>
      <c r="G35" s="37">
        <v>
0.62</v>
      </c>
      <c r="H35" s="37">
        <v>
1.05</v>
      </c>
      <c r="I35" s="37">
        <v>
0.4</v>
      </c>
      <c r="J35" s="38">
        <v>
0.77</v>
      </c>
      <c r="K35" s="22"/>
      <c r="L35" s="22"/>
      <c r="M35" s="22"/>
      <c r="N35" s="22"/>
      <c r="O35" s="22"/>
      <c r="P35" s="22"/>
    </row>
    <row r="36" spans="1:16" ht="39" customHeight="1" x14ac:dyDescent="0.2">
      <c r="A36" s="22"/>
      <c r="B36" s="35"/>
      <c r="C36" s="1250" t="s">
        <v>
558</v>
      </c>
      <c r="D36" s="1251"/>
      <c r="E36" s="1252"/>
      <c r="F36" s="36">
        <v>
0.48</v>
      </c>
      <c r="G36" s="37">
        <v>
1.1599999999999999</v>
      </c>
      <c r="H36" s="37">
        <v>
0.92</v>
      </c>
      <c r="I36" s="37">
        <v>
0.86</v>
      </c>
      <c r="J36" s="38">
        <v>
0.73</v>
      </c>
      <c r="K36" s="22"/>
      <c r="L36" s="22"/>
      <c r="M36" s="22"/>
      <c r="N36" s="22"/>
      <c r="O36" s="22"/>
      <c r="P36" s="22"/>
    </row>
    <row r="37" spans="1:16" ht="39" customHeight="1" x14ac:dyDescent="0.2">
      <c r="A37" s="22"/>
      <c r="B37" s="35"/>
      <c r="C37" s="1250" t="s">
        <v>
559</v>
      </c>
      <c r="D37" s="1251"/>
      <c r="E37" s="1252"/>
      <c r="F37" s="36">
        <v>
0.03</v>
      </c>
      <c r="G37" s="37">
        <v>
0.04</v>
      </c>
      <c r="H37" s="37">
        <v>
0.04</v>
      </c>
      <c r="I37" s="37">
        <v>
0.03</v>
      </c>
      <c r="J37" s="38">
        <v>
0.04</v>
      </c>
      <c r="K37" s="22"/>
      <c r="L37" s="22"/>
      <c r="M37" s="22"/>
      <c r="N37" s="22"/>
      <c r="O37" s="22"/>
      <c r="P37" s="22"/>
    </row>
    <row r="38" spans="1:16" ht="39" customHeight="1" x14ac:dyDescent="0.2">
      <c r="A38" s="22"/>
      <c r="B38" s="35"/>
      <c r="C38" s="1250"/>
      <c r="D38" s="1251"/>
      <c r="E38" s="1252"/>
      <c r="F38" s="36"/>
      <c r="G38" s="37"/>
      <c r="H38" s="37"/>
      <c r="I38" s="37"/>
      <c r="J38" s="38"/>
      <c r="K38" s="22"/>
      <c r="L38" s="22"/>
      <c r="M38" s="22"/>
      <c r="N38" s="22"/>
      <c r="O38" s="22"/>
      <c r="P38" s="22"/>
    </row>
    <row r="39" spans="1:16" ht="39" customHeight="1" x14ac:dyDescent="0.2">
      <c r="A39" s="22"/>
      <c r="B39" s="35"/>
      <c r="C39" s="1250"/>
      <c r="D39" s="1251"/>
      <c r="E39" s="1252"/>
      <c r="F39" s="36"/>
      <c r="G39" s="37"/>
      <c r="H39" s="37"/>
      <c r="I39" s="37"/>
      <c r="J39" s="38"/>
      <c r="K39" s="22"/>
      <c r="L39" s="22"/>
      <c r="M39" s="22"/>
      <c r="N39" s="22"/>
      <c r="O39" s="22"/>
      <c r="P39" s="22"/>
    </row>
    <row r="40" spans="1:16" ht="39" customHeight="1" x14ac:dyDescent="0.2">
      <c r="A40" s="22"/>
      <c r="B40" s="35"/>
      <c r="C40" s="1250"/>
      <c r="D40" s="1251"/>
      <c r="E40" s="1252"/>
      <c r="F40" s="36"/>
      <c r="G40" s="37"/>
      <c r="H40" s="37"/>
      <c r="I40" s="37"/>
      <c r="J40" s="38"/>
      <c r="K40" s="22"/>
      <c r="L40" s="22"/>
      <c r="M40" s="22"/>
      <c r="N40" s="22"/>
      <c r="O40" s="22"/>
      <c r="P40" s="22"/>
    </row>
    <row r="41" spans="1:16" ht="39" customHeight="1" x14ac:dyDescent="0.2">
      <c r="A41" s="22"/>
      <c r="B41" s="35"/>
      <c r="C41" s="1250"/>
      <c r="D41" s="1251"/>
      <c r="E41" s="1252"/>
      <c r="F41" s="36"/>
      <c r="G41" s="37"/>
      <c r="H41" s="37"/>
      <c r="I41" s="37"/>
      <c r="J41" s="38"/>
      <c r="K41" s="22"/>
      <c r="L41" s="22"/>
      <c r="M41" s="22"/>
      <c r="N41" s="22"/>
      <c r="O41" s="22"/>
      <c r="P41" s="22"/>
    </row>
    <row r="42" spans="1:16" ht="39" customHeight="1" x14ac:dyDescent="0.2">
      <c r="A42" s="22"/>
      <c r="B42" s="39"/>
      <c r="C42" s="1250" t="s">
        <v>
560</v>
      </c>
      <c r="D42" s="1251"/>
      <c r="E42" s="1252"/>
      <c r="F42" s="36" t="s">
        <v>
510</v>
      </c>
      <c r="G42" s="37" t="s">
        <v>
510</v>
      </c>
      <c r="H42" s="37" t="s">
        <v>
510</v>
      </c>
      <c r="I42" s="37" t="s">
        <v>
510</v>
      </c>
      <c r="J42" s="38" t="s">
        <v>
510</v>
      </c>
      <c r="K42" s="22"/>
      <c r="L42" s="22"/>
      <c r="M42" s="22"/>
      <c r="N42" s="22"/>
      <c r="O42" s="22"/>
      <c r="P42" s="22"/>
    </row>
    <row r="43" spans="1:16" ht="39" customHeight="1" thickBot="1" x14ac:dyDescent="0.25">
      <c r="A43" s="22"/>
      <c r="B43" s="40"/>
      <c r="C43" s="1253" t="s">
        <v>
561</v>
      </c>
      <c r="D43" s="1254"/>
      <c r="E43" s="1255"/>
      <c r="F43" s="41" t="s">
        <v>
510</v>
      </c>
      <c r="G43" s="42" t="s">
        <v>
510</v>
      </c>
      <c r="H43" s="42" t="s">
        <v>
510</v>
      </c>
      <c r="I43" s="42" t="s">
        <v>
510</v>
      </c>
      <c r="J43" s="43" t="s">
        <v>
510</v>
      </c>
      <c r="K43" s="22"/>
      <c r="L43" s="22"/>
      <c r="M43" s="22"/>
      <c r="N43" s="22"/>
      <c r="O43" s="22"/>
      <c r="P43" s="22"/>
    </row>
    <row r="44" spans="1:16" ht="39" customHeight="1" x14ac:dyDescent="0.2">
      <c r="A44" s="22"/>
      <c r="B44" s="44" t="s">
        <v>
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ZiUDrBhFP1T9KwglXYfNJshd5wFLGlGliX9srAmqA5a/sL6TCqHzBVNqJ8LZIoOXHeX9lgm2qFcnZSCYGQlC9A==" saltValue="Kh+7dS+Uu5zale2xvnL6J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
&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
9</v>
      </c>
      <c r="P43" s="48"/>
      <c r="Q43" s="48"/>
      <c r="R43" s="48"/>
      <c r="S43" s="48"/>
      <c r="T43" s="48"/>
      <c r="U43" s="48"/>
    </row>
    <row r="44" spans="1:21" ht="30.75" customHeight="1" thickBot="1" x14ac:dyDescent="0.25">
      <c r="A44" s="48"/>
      <c r="B44" s="51" t="s">
        <v>
10</v>
      </c>
      <c r="C44" s="52"/>
      <c r="D44" s="52"/>
      <c r="E44" s="53"/>
      <c r="F44" s="53"/>
      <c r="G44" s="53"/>
      <c r="H44" s="53"/>
      <c r="I44" s="53"/>
      <c r="J44" s="54" t="s">
        <v>
2</v>
      </c>
      <c r="K44" s="55" t="s">
        <v>
551</v>
      </c>
      <c r="L44" s="56" t="s">
        <v>
552</v>
      </c>
      <c r="M44" s="56" t="s">
        <v>
553</v>
      </c>
      <c r="N44" s="56" t="s">
        <v>
554</v>
      </c>
      <c r="O44" s="57" t="s">
        <v>
555</v>
      </c>
      <c r="P44" s="48"/>
      <c r="Q44" s="48"/>
      <c r="R44" s="48"/>
      <c r="S44" s="48"/>
      <c r="T44" s="48"/>
      <c r="U44" s="48"/>
    </row>
    <row r="45" spans="1:21" ht="30.75" customHeight="1" x14ac:dyDescent="0.2">
      <c r="A45" s="48"/>
      <c r="B45" s="1258" t="s">
        <v>
11</v>
      </c>
      <c r="C45" s="1259"/>
      <c r="D45" s="58"/>
      <c r="E45" s="1264" t="s">
        <v>
12</v>
      </c>
      <c r="F45" s="1264"/>
      <c r="G45" s="1264"/>
      <c r="H45" s="1264"/>
      <c r="I45" s="1264"/>
      <c r="J45" s="1265"/>
      <c r="K45" s="59">
        <v>
2450</v>
      </c>
      <c r="L45" s="60">
        <v>
2706</v>
      </c>
      <c r="M45" s="60">
        <v>
2277</v>
      </c>
      <c r="N45" s="60">
        <v>
2041</v>
      </c>
      <c r="O45" s="61">
        <v>
2275</v>
      </c>
      <c r="P45" s="48"/>
      <c r="Q45" s="48"/>
      <c r="R45" s="48"/>
      <c r="S45" s="48"/>
      <c r="T45" s="48"/>
      <c r="U45" s="48"/>
    </row>
    <row r="46" spans="1:21" ht="30.75" customHeight="1" x14ac:dyDescent="0.2">
      <c r="A46" s="48"/>
      <c r="B46" s="1260"/>
      <c r="C46" s="1261"/>
      <c r="D46" s="62"/>
      <c r="E46" s="1266" t="s">
        <v>
13</v>
      </c>
      <c r="F46" s="1266"/>
      <c r="G46" s="1266"/>
      <c r="H46" s="1266"/>
      <c r="I46" s="1266"/>
      <c r="J46" s="1267"/>
      <c r="K46" s="63" t="s">
        <v>
510</v>
      </c>
      <c r="L46" s="64" t="s">
        <v>
510</v>
      </c>
      <c r="M46" s="64" t="s">
        <v>
510</v>
      </c>
      <c r="N46" s="64" t="s">
        <v>
510</v>
      </c>
      <c r="O46" s="65" t="s">
        <v>
510</v>
      </c>
      <c r="P46" s="48"/>
      <c r="Q46" s="48"/>
      <c r="R46" s="48"/>
      <c r="S46" s="48"/>
      <c r="T46" s="48"/>
      <c r="U46" s="48"/>
    </row>
    <row r="47" spans="1:21" ht="30.75" customHeight="1" x14ac:dyDescent="0.2">
      <c r="A47" s="48"/>
      <c r="B47" s="1260"/>
      <c r="C47" s="1261"/>
      <c r="D47" s="62"/>
      <c r="E47" s="1266" t="s">
        <v>
14</v>
      </c>
      <c r="F47" s="1266"/>
      <c r="G47" s="1266"/>
      <c r="H47" s="1266"/>
      <c r="I47" s="1266"/>
      <c r="J47" s="1267"/>
      <c r="K47" s="63">
        <v>
14</v>
      </c>
      <c r="L47" s="64">
        <v>
14</v>
      </c>
      <c r="M47" s="64">
        <v>
25</v>
      </c>
      <c r="N47" s="64">
        <v>
33</v>
      </c>
      <c r="O47" s="65">
        <v>
51</v>
      </c>
      <c r="P47" s="48"/>
      <c r="Q47" s="48"/>
      <c r="R47" s="48"/>
      <c r="S47" s="48"/>
      <c r="T47" s="48"/>
      <c r="U47" s="48"/>
    </row>
    <row r="48" spans="1:21" ht="30.75" customHeight="1" x14ac:dyDescent="0.2">
      <c r="A48" s="48"/>
      <c r="B48" s="1260"/>
      <c r="C48" s="1261"/>
      <c r="D48" s="62"/>
      <c r="E48" s="1266" t="s">
        <v>
15</v>
      </c>
      <c r="F48" s="1266"/>
      <c r="G48" s="1266"/>
      <c r="H48" s="1266"/>
      <c r="I48" s="1266"/>
      <c r="J48" s="1267"/>
      <c r="K48" s="63" t="s">
        <v>
510</v>
      </c>
      <c r="L48" s="64" t="s">
        <v>
510</v>
      </c>
      <c r="M48" s="64" t="s">
        <v>
510</v>
      </c>
      <c r="N48" s="64" t="s">
        <v>
510</v>
      </c>
      <c r="O48" s="65" t="s">
        <v>
510</v>
      </c>
      <c r="P48" s="48"/>
      <c r="Q48" s="48"/>
      <c r="R48" s="48"/>
      <c r="S48" s="48"/>
      <c r="T48" s="48"/>
      <c r="U48" s="48"/>
    </row>
    <row r="49" spans="1:21" ht="30.75" customHeight="1" x14ac:dyDescent="0.2">
      <c r="A49" s="48"/>
      <c r="B49" s="1260"/>
      <c r="C49" s="1261"/>
      <c r="D49" s="62"/>
      <c r="E49" s="1266" t="s">
        <v>
16</v>
      </c>
      <c r="F49" s="1266"/>
      <c r="G49" s="1266"/>
      <c r="H49" s="1266"/>
      <c r="I49" s="1266"/>
      <c r="J49" s="1267"/>
      <c r="K49" s="63">
        <v>
202</v>
      </c>
      <c r="L49" s="64">
        <v>
123</v>
      </c>
      <c r="M49" s="64">
        <v>
107</v>
      </c>
      <c r="N49" s="64">
        <v>
119</v>
      </c>
      <c r="O49" s="65">
        <v>
124</v>
      </c>
      <c r="P49" s="48"/>
      <c r="Q49" s="48"/>
      <c r="R49" s="48"/>
      <c r="S49" s="48"/>
      <c r="T49" s="48"/>
      <c r="U49" s="48"/>
    </row>
    <row r="50" spans="1:21" ht="30.75" customHeight="1" x14ac:dyDescent="0.2">
      <c r="A50" s="48"/>
      <c r="B50" s="1260"/>
      <c r="C50" s="1261"/>
      <c r="D50" s="62"/>
      <c r="E50" s="1266" t="s">
        <v>
17</v>
      </c>
      <c r="F50" s="1266"/>
      <c r="G50" s="1266"/>
      <c r="H50" s="1266"/>
      <c r="I50" s="1266"/>
      <c r="J50" s="1267"/>
      <c r="K50" s="63">
        <v>
333</v>
      </c>
      <c r="L50" s="64">
        <v>
272</v>
      </c>
      <c r="M50" s="64">
        <v>
248</v>
      </c>
      <c r="N50" s="64">
        <v>
221</v>
      </c>
      <c r="O50" s="65">
        <v>
199</v>
      </c>
      <c r="P50" s="48"/>
      <c r="Q50" s="48"/>
      <c r="R50" s="48"/>
      <c r="S50" s="48"/>
      <c r="T50" s="48"/>
      <c r="U50" s="48"/>
    </row>
    <row r="51" spans="1:21" ht="30.75" customHeight="1" x14ac:dyDescent="0.2">
      <c r="A51" s="48"/>
      <c r="B51" s="1262"/>
      <c r="C51" s="1263"/>
      <c r="D51" s="66"/>
      <c r="E51" s="1266" t="s">
        <v>
18</v>
      </c>
      <c r="F51" s="1266"/>
      <c r="G51" s="1266"/>
      <c r="H51" s="1266"/>
      <c r="I51" s="1266"/>
      <c r="J51" s="1267"/>
      <c r="K51" s="63" t="s">
        <v>
510</v>
      </c>
      <c r="L51" s="64" t="s">
        <v>
510</v>
      </c>
      <c r="M51" s="64" t="s">
        <v>
510</v>
      </c>
      <c r="N51" s="64" t="s">
        <v>
510</v>
      </c>
      <c r="O51" s="65" t="s">
        <v>
510</v>
      </c>
      <c r="P51" s="48"/>
      <c r="Q51" s="48"/>
      <c r="R51" s="48"/>
      <c r="S51" s="48"/>
      <c r="T51" s="48"/>
      <c r="U51" s="48"/>
    </row>
    <row r="52" spans="1:21" ht="30.75" customHeight="1" x14ac:dyDescent="0.2">
      <c r="A52" s="48"/>
      <c r="B52" s="1268" t="s">
        <v>
19</v>
      </c>
      <c r="C52" s="1269"/>
      <c r="D52" s="66"/>
      <c r="E52" s="1266" t="s">
        <v>
20</v>
      </c>
      <c r="F52" s="1266"/>
      <c r="G52" s="1266"/>
      <c r="H52" s="1266"/>
      <c r="I52" s="1266"/>
      <c r="J52" s="1267"/>
      <c r="K52" s="63">
        <v>
6119</v>
      </c>
      <c r="L52" s="64">
        <v>
6012</v>
      </c>
      <c r="M52" s="64">
        <v>
5762</v>
      </c>
      <c r="N52" s="64">
        <v>
5573</v>
      </c>
      <c r="O52" s="65">
        <v>
5547</v>
      </c>
      <c r="P52" s="48"/>
      <c r="Q52" s="48"/>
      <c r="R52" s="48"/>
      <c r="S52" s="48"/>
      <c r="T52" s="48"/>
      <c r="U52" s="48"/>
    </row>
    <row r="53" spans="1:21" ht="30.75" customHeight="1" thickBot="1" x14ac:dyDescent="0.25">
      <c r="A53" s="48"/>
      <c r="B53" s="1270" t="s">
        <v>
21</v>
      </c>
      <c r="C53" s="1271"/>
      <c r="D53" s="67"/>
      <c r="E53" s="1272" t="s">
        <v>
22</v>
      </c>
      <c r="F53" s="1272"/>
      <c r="G53" s="1272"/>
      <c r="H53" s="1272"/>
      <c r="I53" s="1272"/>
      <c r="J53" s="1273"/>
      <c r="K53" s="68">
        <v>
-3120</v>
      </c>
      <c r="L53" s="69">
        <v>
-2897</v>
      </c>
      <c r="M53" s="69">
        <v>
-3105</v>
      </c>
      <c r="N53" s="69">
        <v>
-3159</v>
      </c>
      <c r="O53" s="70">
        <v>
-2898</v>
      </c>
      <c r="P53" s="48"/>
      <c r="Q53" s="48"/>
      <c r="R53" s="48"/>
      <c r="S53" s="48"/>
      <c r="T53" s="48"/>
      <c r="U53" s="48"/>
    </row>
    <row r="54" spans="1:21" ht="24" customHeight="1" x14ac:dyDescent="0.2">
      <c r="A54" s="48"/>
      <c r="B54" s="71" t="s">
        <v>
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
24</v>
      </c>
      <c r="C55" s="73"/>
      <c r="D55" s="73"/>
      <c r="E55" s="73"/>
      <c r="F55" s="73"/>
      <c r="G55" s="73"/>
      <c r="H55" s="73"/>
      <c r="I55" s="73"/>
      <c r="J55" s="73"/>
      <c r="K55" s="74"/>
      <c r="L55" s="74"/>
      <c r="M55" s="74"/>
      <c r="N55" s="74"/>
      <c r="O55" s="75" t="s">
        <v>
562</v>
      </c>
      <c r="P55" s="48"/>
      <c r="Q55" s="48"/>
      <c r="R55" s="48"/>
      <c r="S55" s="48"/>
      <c r="T55" s="48"/>
      <c r="U55" s="48"/>
    </row>
    <row r="56" spans="1:21" ht="31.5" customHeight="1" thickBot="1" x14ac:dyDescent="0.25">
      <c r="A56" s="48"/>
      <c r="B56" s="76"/>
      <c r="C56" s="77"/>
      <c r="D56" s="77"/>
      <c r="E56" s="78"/>
      <c r="F56" s="78"/>
      <c r="G56" s="78"/>
      <c r="H56" s="78"/>
      <c r="I56" s="78"/>
      <c r="J56" s="79" t="s">
        <v>
2</v>
      </c>
      <c r="K56" s="80" t="s">
        <v>
563</v>
      </c>
      <c r="L56" s="81" t="s">
        <v>
564</v>
      </c>
      <c r="M56" s="81" t="s">
        <v>
565</v>
      </c>
      <c r="N56" s="81" t="s">
        <v>
566</v>
      </c>
      <c r="O56" s="82" t="s">
        <v>
567</v>
      </c>
      <c r="P56" s="48"/>
      <c r="Q56" s="48"/>
      <c r="R56" s="48"/>
      <c r="S56" s="48"/>
      <c r="T56" s="48"/>
      <c r="U56" s="48"/>
    </row>
    <row r="57" spans="1:21" ht="31.5" customHeight="1" x14ac:dyDescent="0.2">
      <c r="B57" s="1274" t="s">
        <v>
25</v>
      </c>
      <c r="C57" s="1275"/>
      <c r="D57" s="1278" t="s">
        <v>
26</v>
      </c>
      <c r="E57" s="1279"/>
      <c r="F57" s="1279"/>
      <c r="G57" s="1279"/>
      <c r="H57" s="1279"/>
      <c r="I57" s="1279"/>
      <c r="J57" s="1280"/>
      <c r="K57" s="83">
        <v>
3459</v>
      </c>
      <c r="L57" s="84">
        <v>
4463</v>
      </c>
      <c r="M57" s="84">
        <v>
5467</v>
      </c>
      <c r="N57" s="84">
        <v>
5570</v>
      </c>
      <c r="O57" s="85">
        <v>
5675</v>
      </c>
    </row>
    <row r="58" spans="1:21" ht="31.5" customHeight="1" thickBot="1" x14ac:dyDescent="0.25">
      <c r="B58" s="1276"/>
      <c r="C58" s="1277"/>
      <c r="D58" s="1281" t="s">
        <v>
27</v>
      </c>
      <c r="E58" s="1282"/>
      <c r="F58" s="1282"/>
      <c r="G58" s="1282"/>
      <c r="H58" s="1282"/>
      <c r="I58" s="1282"/>
      <c r="J58" s="1283"/>
      <c r="K58" s="86">
        <v>
38</v>
      </c>
      <c r="L58" s="87">
        <v>
53</v>
      </c>
      <c r="M58" s="87">
        <v>
34</v>
      </c>
      <c r="N58" s="87">
        <v>
59</v>
      </c>
      <c r="O58" s="88">
        <v>
92</v>
      </c>
    </row>
    <row r="59" spans="1:21" ht="24" customHeight="1" x14ac:dyDescent="0.2">
      <c r="B59" s="89"/>
      <c r="C59" s="89"/>
      <c r="D59" s="90" t="s">
        <v>
28</v>
      </c>
      <c r="E59" s="91"/>
      <c r="F59" s="91"/>
      <c r="G59" s="91"/>
      <c r="H59" s="91"/>
      <c r="I59" s="91"/>
      <c r="J59" s="91"/>
      <c r="K59" s="91"/>
      <c r="L59" s="91"/>
      <c r="M59" s="91"/>
      <c r="N59" s="91"/>
      <c r="O59" s="91"/>
    </row>
    <row r="60" spans="1:21" ht="24" customHeight="1" x14ac:dyDescent="0.2">
      <c r="B60" s="92"/>
      <c r="C60" s="92"/>
      <c r="D60" s="90" t="s">
        <v>
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E8hhR2qbJVVYgTUcjli2d72I+0BVCn0E6ubYHr7P/hZxQfZfXvQ3q7gc66EqInFWEGHfag4fzwe5knm3rfIMIw==" saltValue="KzZjLxar3T/ZBRWzk2w7J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headerFooter alignWithMargins="0">
    <oddFooter>
&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8"/>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
9</v>
      </c>
    </row>
    <row r="40" spans="2:13" ht="27.75" customHeight="1" thickBot="1" x14ac:dyDescent="0.25">
      <c r="B40" s="95" t="s">
        <v>
10</v>
      </c>
      <c r="C40" s="96"/>
      <c r="D40" s="96"/>
      <c r="E40" s="97"/>
      <c r="F40" s="97"/>
      <c r="G40" s="97"/>
      <c r="H40" s="98" t="s">
        <v>
2</v>
      </c>
      <c r="I40" s="99" t="s">
        <v>
551</v>
      </c>
      <c r="J40" s="100" t="s">
        <v>
552</v>
      </c>
      <c r="K40" s="100" t="s">
        <v>
553</v>
      </c>
      <c r="L40" s="100" t="s">
        <v>
554</v>
      </c>
      <c r="M40" s="101" t="s">
        <v>
555</v>
      </c>
    </row>
    <row r="41" spans="2:13" ht="27.75" customHeight="1" x14ac:dyDescent="0.2">
      <c r="B41" s="1284" t="s">
        <v>
30</v>
      </c>
      <c r="C41" s="1285"/>
      <c r="D41" s="102"/>
      <c r="E41" s="1290" t="s">
        <v>
31</v>
      </c>
      <c r="F41" s="1290"/>
      <c r="G41" s="1290"/>
      <c r="H41" s="1291"/>
      <c r="I41" s="103">
        <v>
22022</v>
      </c>
      <c r="J41" s="104">
        <v>
22138</v>
      </c>
      <c r="K41" s="104">
        <v>
20917</v>
      </c>
      <c r="L41" s="104">
        <v>
19947</v>
      </c>
      <c r="M41" s="105">
        <v>
18638</v>
      </c>
    </row>
    <row r="42" spans="2:13" ht="27.75" customHeight="1" x14ac:dyDescent="0.2">
      <c r="B42" s="1286"/>
      <c r="C42" s="1287"/>
      <c r="D42" s="106"/>
      <c r="E42" s="1292" t="s">
        <v>
32</v>
      </c>
      <c r="F42" s="1292"/>
      <c r="G42" s="1292"/>
      <c r="H42" s="1293"/>
      <c r="I42" s="107">
        <v>
199</v>
      </c>
      <c r="J42" s="108">
        <v>
265</v>
      </c>
      <c r="K42" s="108">
        <v>
200</v>
      </c>
      <c r="L42" s="108">
        <v>
32</v>
      </c>
      <c r="M42" s="109" t="s">
        <v>
510</v>
      </c>
    </row>
    <row r="43" spans="2:13" ht="27.75" customHeight="1" x14ac:dyDescent="0.2">
      <c r="B43" s="1286"/>
      <c r="C43" s="1287"/>
      <c r="D43" s="106"/>
      <c r="E43" s="1292" t="s">
        <v>
33</v>
      </c>
      <c r="F43" s="1292"/>
      <c r="G43" s="1292"/>
      <c r="H43" s="1293"/>
      <c r="I43" s="107" t="s">
        <v>
510</v>
      </c>
      <c r="J43" s="108" t="s">
        <v>
510</v>
      </c>
      <c r="K43" s="108" t="s">
        <v>
510</v>
      </c>
      <c r="L43" s="108" t="s">
        <v>
510</v>
      </c>
      <c r="M43" s="109" t="s">
        <v>
510</v>
      </c>
    </row>
    <row r="44" spans="2:13" ht="27.75" customHeight="1" x14ac:dyDescent="0.2">
      <c r="B44" s="1286"/>
      <c r="C44" s="1287"/>
      <c r="D44" s="106"/>
      <c r="E44" s="1292" t="s">
        <v>
34</v>
      </c>
      <c r="F44" s="1292"/>
      <c r="G44" s="1292"/>
      <c r="H44" s="1293"/>
      <c r="I44" s="107">
        <v>
1173</v>
      </c>
      <c r="J44" s="108">
        <v>
1231</v>
      </c>
      <c r="K44" s="108">
        <v>
1439</v>
      </c>
      <c r="L44" s="108">
        <v>
1462</v>
      </c>
      <c r="M44" s="109">
        <v>
1524</v>
      </c>
    </row>
    <row r="45" spans="2:13" ht="27.75" customHeight="1" x14ac:dyDescent="0.2">
      <c r="B45" s="1286"/>
      <c r="C45" s="1287"/>
      <c r="D45" s="106"/>
      <c r="E45" s="1292" t="s">
        <v>
35</v>
      </c>
      <c r="F45" s="1292"/>
      <c r="G45" s="1292"/>
      <c r="H45" s="1293"/>
      <c r="I45" s="107">
        <v>
19290</v>
      </c>
      <c r="J45" s="108">
        <v>
20477</v>
      </c>
      <c r="K45" s="108">
        <v>
18193</v>
      </c>
      <c r="L45" s="108">
        <v>
18537</v>
      </c>
      <c r="M45" s="109">
        <v>
17243</v>
      </c>
    </row>
    <row r="46" spans="2:13" ht="27.75" customHeight="1" x14ac:dyDescent="0.2">
      <c r="B46" s="1286"/>
      <c r="C46" s="1287"/>
      <c r="D46" s="110"/>
      <c r="E46" s="1292" t="s">
        <v>
36</v>
      </c>
      <c r="F46" s="1292"/>
      <c r="G46" s="1292"/>
      <c r="H46" s="1293"/>
      <c r="I46" s="107" t="s">
        <v>
510</v>
      </c>
      <c r="J46" s="108" t="s">
        <v>
510</v>
      </c>
      <c r="K46" s="108" t="s">
        <v>
510</v>
      </c>
      <c r="L46" s="108" t="s">
        <v>
510</v>
      </c>
      <c r="M46" s="109" t="s">
        <v>
510</v>
      </c>
    </row>
    <row r="47" spans="2:13" ht="27.75" customHeight="1" x14ac:dyDescent="0.2">
      <c r="B47" s="1286"/>
      <c r="C47" s="1287"/>
      <c r="D47" s="111"/>
      <c r="E47" s="1294" t="s">
        <v>
37</v>
      </c>
      <c r="F47" s="1295"/>
      <c r="G47" s="1295"/>
      <c r="H47" s="1296"/>
      <c r="I47" s="107" t="s">
        <v>
510</v>
      </c>
      <c r="J47" s="108" t="s">
        <v>
510</v>
      </c>
      <c r="K47" s="108" t="s">
        <v>
510</v>
      </c>
      <c r="L47" s="108" t="s">
        <v>
510</v>
      </c>
      <c r="M47" s="109" t="s">
        <v>
510</v>
      </c>
    </row>
    <row r="48" spans="2:13" ht="27.75" customHeight="1" x14ac:dyDescent="0.2">
      <c r="B48" s="1286"/>
      <c r="C48" s="1287"/>
      <c r="D48" s="106"/>
      <c r="E48" s="1292" t="s">
        <v>
38</v>
      </c>
      <c r="F48" s="1292"/>
      <c r="G48" s="1292"/>
      <c r="H48" s="1293"/>
      <c r="I48" s="107" t="s">
        <v>
510</v>
      </c>
      <c r="J48" s="108" t="s">
        <v>
510</v>
      </c>
      <c r="K48" s="108" t="s">
        <v>
510</v>
      </c>
      <c r="L48" s="108" t="s">
        <v>
510</v>
      </c>
      <c r="M48" s="109" t="s">
        <v>
510</v>
      </c>
    </row>
    <row r="49" spans="2:13" ht="27.75" customHeight="1" x14ac:dyDescent="0.2">
      <c r="B49" s="1288"/>
      <c r="C49" s="1289"/>
      <c r="D49" s="106"/>
      <c r="E49" s="1292" t="s">
        <v>
39</v>
      </c>
      <c r="F49" s="1292"/>
      <c r="G49" s="1292"/>
      <c r="H49" s="1293"/>
      <c r="I49" s="107" t="s">
        <v>
510</v>
      </c>
      <c r="J49" s="108" t="s">
        <v>
510</v>
      </c>
      <c r="K49" s="108" t="s">
        <v>
510</v>
      </c>
      <c r="L49" s="108" t="s">
        <v>
510</v>
      </c>
      <c r="M49" s="109" t="s">
        <v>
510</v>
      </c>
    </row>
    <row r="50" spans="2:13" ht="27.75" customHeight="1" x14ac:dyDescent="0.2">
      <c r="B50" s="1297" t="s">
        <v>
40</v>
      </c>
      <c r="C50" s="1298"/>
      <c r="D50" s="112"/>
      <c r="E50" s="1292" t="s">
        <v>
41</v>
      </c>
      <c r="F50" s="1292"/>
      <c r="G50" s="1292"/>
      <c r="H50" s="1293"/>
      <c r="I50" s="107">
        <v>
39503</v>
      </c>
      <c r="J50" s="108">
        <v>
42785</v>
      </c>
      <c r="K50" s="108">
        <v>
46896</v>
      </c>
      <c r="L50" s="108">
        <v>
53153</v>
      </c>
      <c r="M50" s="109">
        <v>
57649</v>
      </c>
    </row>
    <row r="51" spans="2:13" ht="27.75" customHeight="1" x14ac:dyDescent="0.2">
      <c r="B51" s="1286"/>
      <c r="C51" s="1287"/>
      <c r="D51" s="106"/>
      <c r="E51" s="1292" t="s">
        <v>
42</v>
      </c>
      <c r="F51" s="1292"/>
      <c r="G51" s="1292"/>
      <c r="H51" s="1293"/>
      <c r="I51" s="107" t="s">
        <v>
510</v>
      </c>
      <c r="J51" s="108" t="s">
        <v>
510</v>
      </c>
      <c r="K51" s="108">
        <v>
1</v>
      </c>
      <c r="L51" s="108" t="s">
        <v>
510</v>
      </c>
      <c r="M51" s="109" t="s">
        <v>
510</v>
      </c>
    </row>
    <row r="52" spans="2:13" ht="27.75" customHeight="1" x14ac:dyDescent="0.2">
      <c r="B52" s="1288"/>
      <c r="C52" s="1289"/>
      <c r="D52" s="106"/>
      <c r="E52" s="1292" t="s">
        <v>
43</v>
      </c>
      <c r="F52" s="1292"/>
      <c r="G52" s="1292"/>
      <c r="H52" s="1293"/>
      <c r="I52" s="107">
        <v>
65121</v>
      </c>
      <c r="J52" s="108">
        <v>
60203</v>
      </c>
      <c r="K52" s="108">
        <v>
55286</v>
      </c>
      <c r="L52" s="108">
        <v>
50297</v>
      </c>
      <c r="M52" s="109">
        <v>
45500</v>
      </c>
    </row>
    <row r="53" spans="2:13" ht="27.75" customHeight="1" thickBot="1" x14ac:dyDescent="0.25">
      <c r="B53" s="1299" t="s">
        <v>
44</v>
      </c>
      <c r="C53" s="1300"/>
      <c r="D53" s="113"/>
      <c r="E53" s="1301" t="s">
        <v>
45</v>
      </c>
      <c r="F53" s="1301"/>
      <c r="G53" s="1301"/>
      <c r="H53" s="1302"/>
      <c r="I53" s="114">
        <v>
-61939</v>
      </c>
      <c r="J53" s="115">
        <v>
-58877</v>
      </c>
      <c r="K53" s="115">
        <v>
-61435</v>
      </c>
      <c r="L53" s="115">
        <v>
-63472</v>
      </c>
      <c r="M53" s="116">
        <v>
-65744</v>
      </c>
    </row>
    <row r="54" spans="2:13" ht="27.75" customHeight="1" x14ac:dyDescent="0.2">
      <c r="B54" s="117" t="s">
        <v>
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sheetData>
  <sheetProtection algorithmName="SHA-512" hashValue="oGFtAnQg73wwit9iiwz9+ORD1OQSUDizfLCdVQ0qGRjmubCm7X5STnfR1uQsGnfUNPnuD/3iKm7ZF4Zpun5xNw==" saltValue="JL5tBXEru+j+855AF1qL7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headerFooter alignWithMargins="0">
    <oddFooter>
&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55" zoomScaleNormal="55"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
47</v>
      </c>
    </row>
    <row r="54" spans="2:8" ht="29.25" customHeight="1" thickBot="1" x14ac:dyDescent="0.3">
      <c r="B54" s="122" t="s">
        <v>
1</v>
      </c>
      <c r="C54" s="123"/>
      <c r="D54" s="123"/>
      <c r="E54" s="124" t="s">
        <v>
2</v>
      </c>
      <c r="F54" s="125" t="s">
        <v>
553</v>
      </c>
      <c r="G54" s="125" t="s">
        <v>
554</v>
      </c>
      <c r="H54" s="126" t="s">
        <v>
555</v>
      </c>
    </row>
    <row r="55" spans="2:8" ht="52.5" customHeight="1" x14ac:dyDescent="0.2">
      <c r="B55" s="127"/>
      <c r="C55" s="1311" t="s">
        <v>
48</v>
      </c>
      <c r="D55" s="1311"/>
      <c r="E55" s="1312"/>
      <c r="F55" s="128">
        <v>
27217</v>
      </c>
      <c r="G55" s="128">
        <v>
30289</v>
      </c>
      <c r="H55" s="129">
        <v>
32607</v>
      </c>
    </row>
    <row r="56" spans="2:8" ht="52.5" customHeight="1" x14ac:dyDescent="0.2">
      <c r="B56" s="130"/>
      <c r="C56" s="1313" t="s">
        <v>
49</v>
      </c>
      <c r="D56" s="1313"/>
      <c r="E56" s="1314"/>
      <c r="F56" s="131">
        <v>
5570</v>
      </c>
      <c r="G56" s="131">
        <v>
5675</v>
      </c>
      <c r="H56" s="132">
        <v>
5779</v>
      </c>
    </row>
    <row r="57" spans="2:8" ht="53.25" customHeight="1" x14ac:dyDescent="0.2">
      <c r="B57" s="130"/>
      <c r="C57" s="1315" t="s">
        <v>
50</v>
      </c>
      <c r="D57" s="1315"/>
      <c r="E57" s="1316"/>
      <c r="F57" s="133">
        <v>
12253</v>
      </c>
      <c r="G57" s="133">
        <v>
14908</v>
      </c>
      <c r="H57" s="134">
        <v>
17056</v>
      </c>
    </row>
    <row r="58" spans="2:8" ht="45.75" customHeight="1" x14ac:dyDescent="0.2">
      <c r="B58" s="135"/>
      <c r="C58" s="1303" t="s">
        <v>
579</v>
      </c>
      <c r="D58" s="1304"/>
      <c r="E58" s="1305"/>
      <c r="F58" s="136">
        <v>
5776</v>
      </c>
      <c r="G58" s="136">
        <v>
7567</v>
      </c>
      <c r="H58" s="137">
        <v>
9124</v>
      </c>
    </row>
    <row r="59" spans="2:8" ht="45.75" customHeight="1" x14ac:dyDescent="0.2">
      <c r="B59" s="135"/>
      <c r="C59" s="1303" t="s">
        <v>
580</v>
      </c>
      <c r="D59" s="1304"/>
      <c r="E59" s="1305"/>
      <c r="F59" s="136">
        <v>
4285</v>
      </c>
      <c r="G59" s="136">
        <v>
4866</v>
      </c>
      <c r="H59" s="137">
        <v>
5339</v>
      </c>
    </row>
    <row r="60" spans="2:8" ht="45.75" customHeight="1" x14ac:dyDescent="0.2">
      <c r="B60" s="135"/>
      <c r="C60" s="1303" t="s">
        <v>
581</v>
      </c>
      <c r="D60" s="1304"/>
      <c r="E60" s="1305"/>
      <c r="F60" s="136">
        <v>
639</v>
      </c>
      <c r="G60" s="136">
        <v>
639</v>
      </c>
      <c r="H60" s="137">
        <v>
640</v>
      </c>
    </row>
    <row r="61" spans="2:8" ht="45.75" customHeight="1" x14ac:dyDescent="0.2">
      <c r="B61" s="135"/>
      <c r="C61" s="1303" t="s">
        <v>
582</v>
      </c>
      <c r="D61" s="1304"/>
      <c r="E61" s="1305"/>
      <c r="F61" s="136">
        <v>
425</v>
      </c>
      <c r="G61" s="136">
        <v>
425</v>
      </c>
      <c r="H61" s="137">
        <v>
425</v>
      </c>
    </row>
    <row r="62" spans="2:8" ht="45.75" customHeight="1" thickBot="1" x14ac:dyDescent="0.25">
      <c r="B62" s="138"/>
      <c r="C62" s="1306" t="s">
        <v>
583</v>
      </c>
      <c r="D62" s="1307"/>
      <c r="E62" s="1308"/>
      <c r="F62" s="139">
        <v>
371</v>
      </c>
      <c r="G62" s="139">
        <v>
371</v>
      </c>
      <c r="H62" s="140">
        <v>
372</v>
      </c>
    </row>
    <row r="63" spans="2:8" ht="52.5" customHeight="1" thickBot="1" x14ac:dyDescent="0.25">
      <c r="B63" s="141"/>
      <c r="C63" s="1309" t="s">
        <v>
51</v>
      </c>
      <c r="D63" s="1309"/>
      <c r="E63" s="1310"/>
      <c r="F63" s="142">
        <v>
45040</v>
      </c>
      <c r="G63" s="142">
        <v>
50871</v>
      </c>
      <c r="H63" s="143">
        <v>
55442</v>
      </c>
    </row>
    <row r="64" spans="2:8" ht="15" customHeight="1" x14ac:dyDescent="0.2"/>
  </sheetData>
  <sheetProtection algorithmName="SHA-512" hashValue="dg3BFrSi5jUaXD6KW33HH0X2BwH9Pw0asmoFqp63EohVvNthG0RmCJfcFASvje3GN4WURHsopmZFyIsKdMiOZg==" saltValue="G+ZYTmc63vDSmCozhH1r5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
&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70" zoomScaleNormal="70" workbookViewId="0">
      <selection activeCell="AZ20" sqref="AZ20"/>
    </sheetView>
  </sheetViews>
  <sheetFormatPr defaultColWidth="0" defaultRowHeight="13.5" customHeight="1" zeroHeight="1" x14ac:dyDescent="0.2"/>
  <cols>
    <col min="1" max="1" width="6.33203125" style="388" customWidth="1"/>
    <col min="2" max="107" width="2.44140625" style="388" customWidth="1"/>
    <col min="108" max="108" width="6.109375" style="396" customWidth="1"/>
    <col min="109" max="109" width="5.88671875" style="395"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386"/>
      <c r="B1" s="387"/>
      <c r="DD1" s="388"/>
      <c r="DE1" s="388"/>
    </row>
    <row r="2" spans="1:143" ht="25.5" customHeight="1" x14ac:dyDescent="0.2">
      <c r="A2" s="389"/>
      <c r="C2" s="389"/>
      <c r="O2" s="389"/>
      <c r="P2" s="389"/>
      <c r="Q2" s="389"/>
      <c r="R2" s="389"/>
      <c r="S2" s="389"/>
      <c r="T2" s="389"/>
      <c r="U2" s="389"/>
      <c r="V2" s="389"/>
      <c r="W2" s="389"/>
      <c r="X2" s="389"/>
      <c r="Y2" s="389"/>
      <c r="Z2" s="389"/>
      <c r="AA2" s="389"/>
      <c r="AB2" s="389"/>
      <c r="AC2" s="389"/>
      <c r="AD2" s="389"/>
      <c r="AE2" s="389"/>
      <c r="AF2" s="389"/>
      <c r="AG2" s="389"/>
      <c r="AH2" s="389"/>
      <c r="AI2" s="389"/>
      <c r="AU2" s="389"/>
      <c r="BG2" s="389"/>
      <c r="BS2" s="389"/>
      <c r="CE2" s="389"/>
      <c r="CQ2" s="389"/>
      <c r="DD2" s="388"/>
      <c r="DE2" s="388"/>
    </row>
    <row r="3" spans="1:143" ht="25.5" customHeight="1" x14ac:dyDescent="0.2">
      <c r="A3" s="389"/>
      <c r="C3" s="389"/>
      <c r="O3" s="389"/>
      <c r="P3" s="389"/>
      <c r="Q3" s="389"/>
      <c r="R3" s="389"/>
      <c r="S3" s="389"/>
      <c r="T3" s="389"/>
      <c r="U3" s="389"/>
      <c r="V3" s="389"/>
      <c r="W3" s="389"/>
      <c r="X3" s="389"/>
      <c r="Y3" s="389"/>
      <c r="Z3" s="389"/>
      <c r="AA3" s="389"/>
      <c r="AB3" s="389"/>
      <c r="AC3" s="389"/>
      <c r="AD3" s="389"/>
      <c r="AE3" s="389"/>
      <c r="AF3" s="389"/>
      <c r="AG3" s="389"/>
      <c r="AH3" s="389"/>
      <c r="AI3" s="389"/>
      <c r="AU3" s="389"/>
      <c r="BG3" s="389"/>
      <c r="BS3" s="389"/>
      <c r="CE3" s="389"/>
      <c r="CQ3" s="389"/>
      <c r="DD3" s="388"/>
      <c r="DE3" s="388"/>
    </row>
    <row r="4" spans="1:143" s="291" customFormat="1" ht="13.2" x14ac:dyDescent="0.2">
      <c r="A4" s="389"/>
      <c r="B4" s="389"/>
      <c r="C4" s="389"/>
      <c r="D4" s="389"/>
      <c r="E4" s="389"/>
      <c r="F4" s="389"/>
      <c r="G4" s="389"/>
      <c r="H4" s="389"/>
      <c r="I4" s="389"/>
      <c r="J4" s="389"/>
      <c r="K4" s="389"/>
      <c r="L4" s="389"/>
      <c r="M4" s="389"/>
      <c r="N4" s="389"/>
      <c r="O4" s="389"/>
      <c r="P4" s="389"/>
      <c r="Q4" s="389"/>
      <c r="R4" s="389"/>
      <c r="S4" s="389"/>
      <c r="T4" s="389"/>
      <c r="U4" s="389"/>
      <c r="V4" s="389"/>
      <c r="W4" s="389"/>
      <c r="X4" s="389"/>
      <c r="Y4" s="389"/>
      <c r="Z4" s="389"/>
      <c r="AA4" s="389"/>
      <c r="AB4" s="389"/>
      <c r="AC4" s="389"/>
      <c r="AD4" s="389"/>
      <c r="AE4" s="389"/>
      <c r="AF4" s="389"/>
      <c r="AG4" s="389"/>
      <c r="AH4" s="389"/>
      <c r="AI4" s="389"/>
      <c r="AJ4" s="389"/>
      <c r="AK4" s="389"/>
      <c r="AL4" s="389"/>
      <c r="AM4" s="389"/>
      <c r="AN4" s="389"/>
      <c r="AO4" s="389"/>
      <c r="AP4" s="389"/>
      <c r="AQ4" s="389"/>
      <c r="AR4" s="389"/>
      <c r="AS4" s="389"/>
      <c r="AT4" s="389"/>
      <c r="AU4" s="389"/>
      <c r="AV4" s="389"/>
      <c r="AW4" s="389"/>
      <c r="AX4" s="389"/>
      <c r="AY4" s="389"/>
      <c r="AZ4" s="389"/>
      <c r="BA4" s="389"/>
      <c r="BB4" s="389"/>
      <c r="BC4" s="389"/>
      <c r="BD4" s="389"/>
      <c r="BE4" s="389"/>
      <c r="BF4" s="389"/>
      <c r="BG4" s="389"/>
      <c r="BH4" s="389"/>
      <c r="BI4" s="389"/>
      <c r="BJ4" s="389"/>
      <c r="BK4" s="389"/>
      <c r="BL4" s="389"/>
      <c r="BM4" s="389"/>
      <c r="BN4" s="389"/>
      <c r="BO4" s="389"/>
      <c r="BP4" s="389"/>
      <c r="BQ4" s="389"/>
      <c r="BR4" s="389"/>
      <c r="BS4" s="389"/>
      <c r="BT4" s="389"/>
      <c r="BU4" s="389"/>
      <c r="BV4" s="389"/>
      <c r="BW4" s="389"/>
      <c r="BX4" s="389"/>
      <c r="BY4" s="389"/>
      <c r="BZ4" s="389"/>
      <c r="CA4" s="389"/>
      <c r="CB4" s="389"/>
      <c r="CC4" s="389"/>
      <c r="CD4" s="389"/>
      <c r="CE4" s="389"/>
      <c r="CF4" s="389"/>
      <c r="CG4" s="389"/>
      <c r="CH4" s="389"/>
      <c r="CI4" s="389"/>
      <c r="CJ4" s="389"/>
      <c r="CK4" s="389"/>
      <c r="CL4" s="389"/>
      <c r="CM4" s="389"/>
      <c r="CN4" s="389"/>
      <c r="CO4" s="389"/>
      <c r="CP4" s="389"/>
      <c r="CQ4" s="389"/>
      <c r="CR4" s="389"/>
      <c r="CS4" s="389"/>
      <c r="CT4" s="389"/>
      <c r="CU4" s="389"/>
      <c r="CV4" s="389"/>
      <c r="CW4" s="389"/>
      <c r="CX4" s="389"/>
      <c r="CY4" s="389"/>
      <c r="CZ4" s="389"/>
      <c r="DA4" s="389"/>
      <c r="DB4" s="389"/>
      <c r="DC4" s="389"/>
      <c r="DD4" s="389"/>
      <c r="DE4" s="389"/>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389"/>
      <c r="B5" s="389"/>
      <c r="C5" s="389"/>
      <c r="D5" s="389"/>
      <c r="E5" s="389"/>
      <c r="F5" s="389"/>
      <c r="G5" s="389"/>
      <c r="H5" s="389"/>
      <c r="I5" s="389"/>
      <c r="J5" s="389"/>
      <c r="K5" s="389"/>
      <c r="L5" s="389"/>
      <c r="M5" s="389"/>
      <c r="N5" s="389"/>
      <c r="O5" s="389"/>
      <c r="P5" s="389"/>
      <c r="Q5" s="389"/>
      <c r="R5" s="389"/>
      <c r="S5" s="389"/>
      <c r="T5" s="389"/>
      <c r="U5" s="389"/>
      <c r="V5" s="389"/>
      <c r="W5" s="389"/>
      <c r="X5" s="389"/>
      <c r="Y5" s="389"/>
      <c r="Z5" s="389"/>
      <c r="AA5" s="389"/>
      <c r="AB5" s="389"/>
      <c r="AC5" s="389"/>
      <c r="AD5" s="389"/>
      <c r="AE5" s="389"/>
      <c r="AF5" s="389"/>
      <c r="AG5" s="389"/>
      <c r="AH5" s="389"/>
      <c r="AI5" s="389"/>
      <c r="AJ5" s="389"/>
      <c r="AK5" s="389"/>
      <c r="AL5" s="389"/>
      <c r="AM5" s="389"/>
      <c r="AN5" s="389"/>
      <c r="AO5" s="389"/>
      <c r="AP5" s="389"/>
      <c r="AQ5" s="389"/>
      <c r="AR5" s="389"/>
      <c r="AS5" s="389"/>
      <c r="AT5" s="389"/>
      <c r="AU5" s="389"/>
      <c r="AV5" s="389"/>
      <c r="AW5" s="389"/>
      <c r="AX5" s="389"/>
      <c r="AY5" s="389"/>
      <c r="AZ5" s="389"/>
      <c r="BA5" s="389"/>
      <c r="BB5" s="389"/>
      <c r="BC5" s="389"/>
      <c r="BD5" s="389"/>
      <c r="BE5" s="389"/>
      <c r="BF5" s="389"/>
      <c r="BG5" s="389"/>
      <c r="BH5" s="389"/>
      <c r="BI5" s="389"/>
      <c r="BJ5" s="389"/>
      <c r="BK5" s="389"/>
      <c r="BL5" s="389"/>
      <c r="BM5" s="389"/>
      <c r="BN5" s="389"/>
      <c r="BO5" s="389"/>
      <c r="BP5" s="389"/>
      <c r="BQ5" s="389"/>
      <c r="BR5" s="389"/>
      <c r="BS5" s="389"/>
      <c r="BT5" s="389"/>
      <c r="BU5" s="389"/>
      <c r="BV5" s="389"/>
      <c r="BW5" s="389"/>
      <c r="BX5" s="389"/>
      <c r="BY5" s="389"/>
      <c r="BZ5" s="389"/>
      <c r="CA5" s="389"/>
      <c r="CB5" s="389"/>
      <c r="CC5" s="389"/>
      <c r="CD5" s="389"/>
      <c r="CE5" s="389"/>
      <c r="CF5" s="389"/>
      <c r="CG5" s="389"/>
      <c r="CH5" s="389"/>
      <c r="CI5" s="389"/>
      <c r="CJ5" s="389"/>
      <c r="CK5" s="389"/>
      <c r="CL5" s="389"/>
      <c r="CM5" s="389"/>
      <c r="CN5" s="389"/>
      <c r="CO5" s="389"/>
      <c r="CP5" s="389"/>
      <c r="CQ5" s="389"/>
      <c r="CR5" s="389"/>
      <c r="CS5" s="389"/>
      <c r="CT5" s="389"/>
      <c r="CU5" s="389"/>
      <c r="CV5" s="389"/>
      <c r="CW5" s="389"/>
      <c r="CX5" s="389"/>
      <c r="CY5" s="389"/>
      <c r="CZ5" s="389"/>
      <c r="DA5" s="389"/>
      <c r="DB5" s="389"/>
      <c r="DC5" s="389"/>
      <c r="DD5" s="389"/>
      <c r="DE5" s="389"/>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389"/>
      <c r="B6" s="389"/>
      <c r="C6" s="389"/>
      <c r="D6" s="389"/>
      <c r="E6" s="389"/>
      <c r="F6" s="389"/>
      <c r="G6" s="389"/>
      <c r="H6" s="389"/>
      <c r="I6" s="389"/>
      <c r="J6" s="389"/>
      <c r="K6" s="389"/>
      <c r="L6" s="389"/>
      <c r="M6" s="389"/>
      <c r="N6" s="389"/>
      <c r="O6" s="389"/>
      <c r="P6" s="389"/>
      <c r="Q6" s="389"/>
      <c r="R6" s="389"/>
      <c r="S6" s="389"/>
      <c r="T6" s="389"/>
      <c r="U6" s="389"/>
      <c r="V6" s="389"/>
      <c r="W6" s="389"/>
      <c r="X6" s="389"/>
      <c r="Y6" s="389"/>
      <c r="Z6" s="389"/>
      <c r="AA6" s="389"/>
      <c r="AB6" s="389"/>
      <c r="AC6" s="389"/>
      <c r="AD6" s="389"/>
      <c r="AE6" s="389"/>
      <c r="AF6" s="389"/>
      <c r="AG6" s="389"/>
      <c r="AH6" s="389"/>
      <c r="AI6" s="389"/>
      <c r="AJ6" s="389"/>
      <c r="AK6" s="389"/>
      <c r="AL6" s="389"/>
      <c r="AM6" s="389"/>
      <c r="AN6" s="389"/>
      <c r="AO6" s="389"/>
      <c r="AP6" s="389"/>
      <c r="AQ6" s="389"/>
      <c r="AR6" s="389"/>
      <c r="AS6" s="389"/>
      <c r="AT6" s="389"/>
      <c r="AU6" s="389"/>
      <c r="AV6" s="389"/>
      <c r="AW6" s="389"/>
      <c r="AX6" s="389"/>
      <c r="AY6" s="389"/>
      <c r="AZ6" s="389"/>
      <c r="BA6" s="389"/>
      <c r="BB6" s="389"/>
      <c r="BC6" s="389"/>
      <c r="BD6" s="389"/>
      <c r="BE6" s="389"/>
      <c r="BF6" s="389"/>
      <c r="BG6" s="389"/>
      <c r="BH6" s="389"/>
      <c r="BI6" s="389"/>
      <c r="BJ6" s="389"/>
      <c r="BK6" s="389"/>
      <c r="BL6" s="389"/>
      <c r="BM6" s="389"/>
      <c r="BN6" s="389"/>
      <c r="BO6" s="389"/>
      <c r="BP6" s="389"/>
      <c r="BQ6" s="389"/>
      <c r="BR6" s="389"/>
      <c r="BS6" s="389"/>
      <c r="BT6" s="389"/>
      <c r="BU6" s="389"/>
      <c r="BV6" s="389"/>
      <c r="BW6" s="389"/>
      <c r="BX6" s="389"/>
      <c r="BY6" s="389"/>
      <c r="BZ6" s="389"/>
      <c r="CA6" s="389"/>
      <c r="CB6" s="389"/>
      <c r="CC6" s="389"/>
      <c r="CD6" s="389"/>
      <c r="CE6" s="389"/>
      <c r="CF6" s="389"/>
      <c r="CG6" s="389"/>
      <c r="CH6" s="389"/>
      <c r="CI6" s="389"/>
      <c r="CJ6" s="389"/>
      <c r="CK6" s="389"/>
      <c r="CL6" s="389"/>
      <c r="CM6" s="389"/>
      <c r="CN6" s="389"/>
      <c r="CO6" s="389"/>
      <c r="CP6" s="389"/>
      <c r="CQ6" s="389"/>
      <c r="CR6" s="389"/>
      <c r="CS6" s="389"/>
      <c r="CT6" s="389"/>
      <c r="CU6" s="389"/>
      <c r="CV6" s="389"/>
      <c r="CW6" s="389"/>
      <c r="CX6" s="389"/>
      <c r="CY6" s="389"/>
      <c r="CZ6" s="389"/>
      <c r="DA6" s="389"/>
      <c r="DB6" s="389"/>
      <c r="DC6" s="389"/>
      <c r="DD6" s="389"/>
      <c r="DE6" s="389"/>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389"/>
      <c r="B7" s="389"/>
      <c r="C7" s="389"/>
      <c r="D7" s="389"/>
      <c r="E7" s="389"/>
      <c r="F7" s="389"/>
      <c r="G7" s="389"/>
      <c r="H7" s="389"/>
      <c r="I7" s="389"/>
      <c r="J7" s="389"/>
      <c r="K7" s="389"/>
      <c r="L7" s="389"/>
      <c r="M7" s="389"/>
      <c r="N7" s="389"/>
      <c r="O7" s="389"/>
      <c r="P7" s="389"/>
      <c r="Q7" s="389"/>
      <c r="R7" s="389"/>
      <c r="S7" s="389"/>
      <c r="T7" s="389"/>
      <c r="U7" s="389"/>
      <c r="V7" s="389"/>
      <c r="W7" s="389"/>
      <c r="X7" s="389"/>
      <c r="Y7" s="389"/>
      <c r="Z7" s="389"/>
      <c r="AA7" s="389"/>
      <c r="AB7" s="389"/>
      <c r="AC7" s="389"/>
      <c r="AD7" s="389"/>
      <c r="AE7" s="389"/>
      <c r="AF7" s="389"/>
      <c r="AG7" s="389"/>
      <c r="AH7" s="389"/>
      <c r="AI7" s="389"/>
      <c r="AJ7" s="389"/>
      <c r="AK7" s="389"/>
      <c r="AL7" s="389"/>
      <c r="AM7" s="389"/>
      <c r="AN7" s="389"/>
      <c r="AO7" s="389"/>
      <c r="AP7" s="389"/>
      <c r="AQ7" s="389"/>
      <c r="AR7" s="389"/>
      <c r="AS7" s="389"/>
      <c r="AT7" s="389"/>
      <c r="AU7" s="389"/>
      <c r="AV7" s="389"/>
      <c r="AW7" s="389"/>
      <c r="AX7" s="389"/>
      <c r="AY7" s="389"/>
      <c r="AZ7" s="389"/>
      <c r="BA7" s="389"/>
      <c r="BB7" s="389"/>
      <c r="BC7" s="389"/>
      <c r="BD7" s="389"/>
      <c r="BE7" s="389"/>
      <c r="BF7" s="389"/>
      <c r="BG7" s="389"/>
      <c r="BH7" s="389"/>
      <c r="BI7" s="389"/>
      <c r="BJ7" s="389"/>
      <c r="BK7" s="389"/>
      <c r="BL7" s="389"/>
      <c r="BM7" s="389"/>
      <c r="BN7" s="389"/>
      <c r="BO7" s="389"/>
      <c r="BP7" s="389"/>
      <c r="BQ7" s="389"/>
      <c r="BR7" s="389"/>
      <c r="BS7" s="389"/>
      <c r="BT7" s="389"/>
      <c r="BU7" s="389"/>
      <c r="BV7" s="389"/>
      <c r="BW7" s="389"/>
      <c r="BX7" s="389"/>
      <c r="BY7" s="389"/>
      <c r="BZ7" s="389"/>
      <c r="CA7" s="389"/>
      <c r="CB7" s="389"/>
      <c r="CC7" s="389"/>
      <c r="CD7" s="389"/>
      <c r="CE7" s="389"/>
      <c r="CF7" s="389"/>
      <c r="CG7" s="389"/>
      <c r="CH7" s="389"/>
      <c r="CI7" s="389"/>
      <c r="CJ7" s="389"/>
      <c r="CK7" s="389"/>
      <c r="CL7" s="389"/>
      <c r="CM7" s="389"/>
      <c r="CN7" s="389"/>
      <c r="CO7" s="389"/>
      <c r="CP7" s="389"/>
      <c r="CQ7" s="389"/>
      <c r="CR7" s="389"/>
      <c r="CS7" s="389"/>
      <c r="CT7" s="389"/>
      <c r="CU7" s="389"/>
      <c r="CV7" s="389"/>
      <c r="CW7" s="389"/>
      <c r="CX7" s="389"/>
      <c r="CY7" s="389"/>
      <c r="CZ7" s="389"/>
      <c r="DA7" s="389"/>
      <c r="DB7" s="389"/>
      <c r="DC7" s="389"/>
      <c r="DD7" s="389"/>
      <c r="DE7" s="389"/>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389"/>
      <c r="B8" s="389"/>
      <c r="C8" s="389"/>
      <c r="D8" s="389"/>
      <c r="E8" s="389"/>
      <c r="F8" s="389"/>
      <c r="G8" s="389"/>
      <c r="H8" s="389"/>
      <c r="I8" s="389"/>
      <c r="J8" s="389"/>
      <c r="K8" s="389"/>
      <c r="L8" s="389"/>
      <c r="M8" s="389"/>
      <c r="N8" s="389"/>
      <c r="O8" s="389"/>
      <c r="P8" s="389"/>
      <c r="Q8" s="389"/>
      <c r="R8" s="389"/>
      <c r="S8" s="389"/>
      <c r="T8" s="389"/>
      <c r="U8" s="389"/>
      <c r="V8" s="389"/>
      <c r="W8" s="389"/>
      <c r="X8" s="389"/>
      <c r="Y8" s="389"/>
      <c r="Z8" s="389"/>
      <c r="AA8" s="389"/>
      <c r="AB8" s="389"/>
      <c r="AC8" s="389"/>
      <c r="AD8" s="389"/>
      <c r="AE8" s="389"/>
      <c r="AF8" s="389"/>
      <c r="AG8" s="389"/>
      <c r="AH8" s="389"/>
      <c r="AI8" s="389"/>
      <c r="AJ8" s="389"/>
      <c r="AK8" s="389"/>
      <c r="AL8" s="389"/>
      <c r="AM8" s="389"/>
      <c r="AN8" s="389"/>
      <c r="AO8" s="389"/>
      <c r="AP8" s="389"/>
      <c r="AQ8" s="389"/>
      <c r="AR8" s="389"/>
      <c r="AS8" s="389"/>
      <c r="AT8" s="389"/>
      <c r="AU8" s="389"/>
      <c r="AV8" s="389"/>
      <c r="AW8" s="389"/>
      <c r="AX8" s="389"/>
      <c r="AY8" s="389"/>
      <c r="AZ8" s="389"/>
      <c r="BA8" s="389"/>
      <c r="BB8" s="389"/>
      <c r="BC8" s="389"/>
      <c r="BD8" s="389"/>
      <c r="BE8" s="389"/>
      <c r="BF8" s="389"/>
      <c r="BG8" s="389"/>
      <c r="BH8" s="389"/>
      <c r="BI8" s="389"/>
      <c r="BJ8" s="389"/>
      <c r="BK8" s="389"/>
      <c r="BL8" s="389"/>
      <c r="BM8" s="389"/>
      <c r="BN8" s="389"/>
      <c r="BO8" s="389"/>
      <c r="BP8" s="389"/>
      <c r="BQ8" s="389"/>
      <c r="BR8" s="389"/>
      <c r="BS8" s="389"/>
      <c r="BT8" s="389"/>
      <c r="BU8" s="389"/>
      <c r="BV8" s="389"/>
      <c r="BW8" s="389"/>
      <c r="BX8" s="389"/>
      <c r="BY8" s="389"/>
      <c r="BZ8" s="389"/>
      <c r="CA8" s="389"/>
      <c r="CB8" s="389"/>
      <c r="CC8" s="389"/>
      <c r="CD8" s="389"/>
      <c r="CE8" s="389"/>
      <c r="CF8" s="389"/>
      <c r="CG8" s="389"/>
      <c r="CH8" s="389"/>
      <c r="CI8" s="389"/>
      <c r="CJ8" s="389"/>
      <c r="CK8" s="389"/>
      <c r="CL8" s="389"/>
      <c r="CM8" s="389"/>
      <c r="CN8" s="389"/>
      <c r="CO8" s="389"/>
      <c r="CP8" s="389"/>
      <c r="CQ8" s="389"/>
      <c r="CR8" s="389"/>
      <c r="CS8" s="389"/>
      <c r="CT8" s="389"/>
      <c r="CU8" s="389"/>
      <c r="CV8" s="389"/>
      <c r="CW8" s="389"/>
      <c r="CX8" s="389"/>
      <c r="CY8" s="389"/>
      <c r="CZ8" s="389"/>
      <c r="DA8" s="389"/>
      <c r="DB8" s="389"/>
      <c r="DC8" s="389"/>
      <c r="DD8" s="389"/>
      <c r="DE8" s="389"/>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389"/>
      <c r="B9" s="389"/>
      <c r="C9" s="389"/>
      <c r="D9" s="389"/>
      <c r="E9" s="389"/>
      <c r="F9" s="389"/>
      <c r="G9" s="389"/>
      <c r="H9" s="389"/>
      <c r="I9" s="389"/>
      <c r="J9" s="389"/>
      <c r="K9" s="389"/>
      <c r="L9" s="389"/>
      <c r="M9" s="389"/>
      <c r="N9" s="389"/>
      <c r="O9" s="389"/>
      <c r="P9" s="389"/>
      <c r="Q9" s="389"/>
      <c r="R9" s="389"/>
      <c r="S9" s="389"/>
      <c r="T9" s="389"/>
      <c r="U9" s="389"/>
      <c r="V9" s="389"/>
      <c r="W9" s="389"/>
      <c r="X9" s="389"/>
      <c r="Y9" s="389"/>
      <c r="Z9" s="389"/>
      <c r="AA9" s="389"/>
      <c r="AB9" s="389"/>
      <c r="AC9" s="389"/>
      <c r="AD9" s="389"/>
      <c r="AE9" s="389"/>
      <c r="AF9" s="389"/>
      <c r="AG9" s="389"/>
      <c r="AH9" s="389"/>
      <c r="AI9" s="389"/>
      <c r="AJ9" s="389"/>
      <c r="AK9" s="389"/>
      <c r="AL9" s="389"/>
      <c r="AM9" s="389"/>
      <c r="AN9" s="389"/>
      <c r="AO9" s="389"/>
      <c r="AP9" s="389"/>
      <c r="AQ9" s="389"/>
      <c r="AR9" s="389"/>
      <c r="AS9" s="389"/>
      <c r="AT9" s="389"/>
      <c r="AU9" s="389"/>
      <c r="AV9" s="389"/>
      <c r="AW9" s="389"/>
      <c r="AX9" s="389"/>
      <c r="AY9" s="389"/>
      <c r="AZ9" s="389"/>
      <c r="BA9" s="389"/>
      <c r="BB9" s="389"/>
      <c r="BC9" s="389"/>
      <c r="BD9" s="389"/>
      <c r="BE9" s="389"/>
      <c r="BF9" s="389"/>
      <c r="BG9" s="389"/>
      <c r="BH9" s="389"/>
      <c r="BI9" s="389"/>
      <c r="BJ9" s="389"/>
      <c r="BK9" s="389"/>
      <c r="BL9" s="389"/>
      <c r="BM9" s="389"/>
      <c r="BN9" s="389"/>
      <c r="BO9" s="389"/>
      <c r="BP9" s="389"/>
      <c r="BQ9" s="389"/>
      <c r="BR9" s="389"/>
      <c r="BS9" s="389"/>
      <c r="BT9" s="389"/>
      <c r="BU9" s="389"/>
      <c r="BV9" s="389"/>
      <c r="BW9" s="389"/>
      <c r="BX9" s="389"/>
      <c r="BY9" s="389"/>
      <c r="BZ9" s="389"/>
      <c r="CA9" s="389"/>
      <c r="CB9" s="389"/>
      <c r="CC9" s="389"/>
      <c r="CD9" s="389"/>
      <c r="CE9" s="389"/>
      <c r="CF9" s="389"/>
      <c r="CG9" s="389"/>
      <c r="CH9" s="389"/>
      <c r="CI9" s="389"/>
      <c r="CJ9" s="389"/>
      <c r="CK9" s="389"/>
      <c r="CL9" s="389"/>
      <c r="CM9" s="389"/>
      <c r="CN9" s="389"/>
      <c r="CO9" s="389"/>
      <c r="CP9" s="389"/>
      <c r="CQ9" s="389"/>
      <c r="CR9" s="389"/>
      <c r="CS9" s="389"/>
      <c r="CT9" s="389"/>
      <c r="CU9" s="389"/>
      <c r="CV9" s="389"/>
      <c r="CW9" s="389"/>
      <c r="CX9" s="389"/>
      <c r="CY9" s="389"/>
      <c r="CZ9" s="389"/>
      <c r="DA9" s="389"/>
      <c r="DB9" s="389"/>
      <c r="DC9" s="389"/>
      <c r="DD9" s="389"/>
      <c r="DE9" s="389"/>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389"/>
      <c r="B10" s="389"/>
      <c r="C10" s="389"/>
      <c r="D10" s="389"/>
      <c r="E10" s="389"/>
      <c r="F10" s="389"/>
      <c r="G10" s="389"/>
      <c r="H10" s="389"/>
      <c r="I10" s="389"/>
      <c r="J10" s="389"/>
      <c r="K10" s="389"/>
      <c r="L10" s="389"/>
      <c r="M10" s="389"/>
      <c r="N10" s="389"/>
      <c r="O10" s="389"/>
      <c r="P10" s="389"/>
      <c r="Q10" s="389"/>
      <c r="R10" s="389"/>
      <c r="S10" s="389"/>
      <c r="T10" s="389"/>
      <c r="U10" s="389"/>
      <c r="V10" s="389"/>
      <c r="W10" s="389"/>
      <c r="X10" s="389"/>
      <c r="Y10" s="389"/>
      <c r="Z10" s="389"/>
      <c r="AA10" s="389"/>
      <c r="AB10" s="389"/>
      <c r="AC10" s="389"/>
      <c r="AD10" s="389"/>
      <c r="AE10" s="389"/>
      <c r="AF10" s="389"/>
      <c r="AG10" s="389"/>
      <c r="AH10" s="389"/>
      <c r="AI10" s="389"/>
      <c r="AJ10" s="389"/>
      <c r="AK10" s="389"/>
      <c r="AL10" s="389"/>
      <c r="AM10" s="389"/>
      <c r="AN10" s="389"/>
      <c r="AO10" s="389"/>
      <c r="AP10" s="389"/>
      <c r="AQ10" s="389"/>
      <c r="AR10" s="389"/>
      <c r="AS10" s="389"/>
      <c r="AT10" s="389"/>
      <c r="AU10" s="389"/>
      <c r="AV10" s="389"/>
      <c r="AW10" s="389"/>
      <c r="AX10" s="389"/>
      <c r="AY10" s="389"/>
      <c r="AZ10" s="389"/>
      <c r="BA10" s="389"/>
      <c r="BB10" s="389"/>
      <c r="BC10" s="389"/>
      <c r="BD10" s="389"/>
      <c r="BE10" s="389"/>
      <c r="BF10" s="389"/>
      <c r="BG10" s="389"/>
      <c r="BH10" s="389"/>
      <c r="BI10" s="389"/>
      <c r="BJ10" s="389"/>
      <c r="BK10" s="389"/>
      <c r="BL10" s="389"/>
      <c r="BM10" s="389"/>
      <c r="BN10" s="389"/>
      <c r="BO10" s="389"/>
      <c r="BP10" s="389"/>
      <c r="BQ10" s="389"/>
      <c r="BR10" s="389"/>
      <c r="BS10" s="389"/>
      <c r="BT10" s="389"/>
      <c r="BU10" s="389"/>
      <c r="BV10" s="389"/>
      <c r="BW10" s="389"/>
      <c r="BX10" s="389"/>
      <c r="BY10" s="389"/>
      <c r="BZ10" s="389"/>
      <c r="CA10" s="389"/>
      <c r="CB10" s="389"/>
      <c r="CC10" s="389"/>
      <c r="CD10" s="389"/>
      <c r="CE10" s="389"/>
      <c r="CF10" s="389"/>
      <c r="CG10" s="389"/>
      <c r="CH10" s="389"/>
      <c r="CI10" s="389"/>
      <c r="CJ10" s="389"/>
      <c r="CK10" s="389"/>
      <c r="CL10" s="389"/>
      <c r="CM10" s="389"/>
      <c r="CN10" s="389"/>
      <c r="CO10" s="389"/>
      <c r="CP10" s="389"/>
      <c r="CQ10" s="389"/>
      <c r="CR10" s="389"/>
      <c r="CS10" s="389"/>
      <c r="CT10" s="389"/>
      <c r="CU10" s="389"/>
      <c r="CV10" s="389"/>
      <c r="CW10" s="389"/>
      <c r="CX10" s="389"/>
      <c r="CY10" s="389"/>
      <c r="CZ10" s="389"/>
      <c r="DA10" s="389"/>
      <c r="DB10" s="389"/>
      <c r="DC10" s="389"/>
      <c r="DD10" s="389"/>
      <c r="DE10" s="389"/>
      <c r="DF10" s="292"/>
      <c r="DG10" s="292"/>
      <c r="DH10" s="292"/>
      <c r="DI10" s="292"/>
      <c r="DJ10" s="292"/>
      <c r="DK10" s="292"/>
      <c r="DL10" s="292"/>
      <c r="DM10" s="292"/>
      <c r="DN10" s="292"/>
      <c r="DO10" s="292"/>
      <c r="DP10" s="292"/>
      <c r="DQ10" s="292"/>
      <c r="DR10" s="292"/>
      <c r="DS10" s="292"/>
      <c r="DT10" s="292"/>
      <c r="DU10" s="292"/>
      <c r="DV10" s="292"/>
      <c r="DW10" s="292"/>
      <c r="EM10" s="291" t="s">
        <v>
586</v>
      </c>
    </row>
    <row r="11" spans="1:143" s="291" customFormat="1" ht="13.2" x14ac:dyDescent="0.2">
      <c r="A11" s="389"/>
      <c r="B11" s="389"/>
      <c r="C11" s="389"/>
      <c r="D11" s="389"/>
      <c r="E11" s="389"/>
      <c r="F11" s="389"/>
      <c r="G11" s="389"/>
      <c r="H11" s="389"/>
      <c r="I11" s="389"/>
      <c r="J11" s="389"/>
      <c r="K11" s="389"/>
      <c r="L11" s="389"/>
      <c r="M11" s="389"/>
      <c r="N11" s="389"/>
      <c r="O11" s="389"/>
      <c r="P11" s="389"/>
      <c r="Q11" s="389"/>
      <c r="R11" s="389"/>
      <c r="S11" s="389"/>
      <c r="T11" s="389"/>
      <c r="U11" s="389"/>
      <c r="V11" s="389"/>
      <c r="W11" s="389"/>
      <c r="X11" s="389"/>
      <c r="Y11" s="389"/>
      <c r="Z11" s="389"/>
      <c r="AA11" s="389"/>
      <c r="AB11" s="389"/>
      <c r="AC11" s="389"/>
      <c r="AD11" s="389"/>
      <c r="AE11" s="389"/>
      <c r="AF11" s="389"/>
      <c r="AG11" s="389"/>
      <c r="AH11" s="389"/>
      <c r="AI11" s="389"/>
      <c r="AJ11" s="389"/>
      <c r="AK11" s="389"/>
      <c r="AL11" s="389"/>
      <c r="AM11" s="389"/>
      <c r="AN11" s="389"/>
      <c r="AO11" s="389"/>
      <c r="AP11" s="389"/>
      <c r="AQ11" s="389"/>
      <c r="AR11" s="389"/>
      <c r="AS11" s="389"/>
      <c r="AT11" s="389"/>
      <c r="AU11" s="389"/>
      <c r="AV11" s="389"/>
      <c r="AW11" s="389"/>
      <c r="AX11" s="389"/>
      <c r="AY11" s="389"/>
      <c r="AZ11" s="389"/>
      <c r="BA11" s="389"/>
      <c r="BB11" s="389"/>
      <c r="BC11" s="389"/>
      <c r="BD11" s="389"/>
      <c r="BE11" s="389"/>
      <c r="BF11" s="389"/>
      <c r="BG11" s="389"/>
      <c r="BH11" s="389"/>
      <c r="BI11" s="389"/>
      <c r="BJ11" s="389"/>
      <c r="BK11" s="389"/>
      <c r="BL11" s="389"/>
      <c r="BM11" s="389"/>
      <c r="BN11" s="389"/>
      <c r="BO11" s="389"/>
      <c r="BP11" s="389"/>
      <c r="BQ11" s="389"/>
      <c r="BR11" s="389"/>
      <c r="BS11" s="389"/>
      <c r="BT11" s="389"/>
      <c r="BU11" s="389"/>
      <c r="BV11" s="389"/>
      <c r="BW11" s="389"/>
      <c r="BX11" s="389"/>
      <c r="BY11" s="389"/>
      <c r="BZ11" s="389"/>
      <c r="CA11" s="389"/>
      <c r="CB11" s="389"/>
      <c r="CC11" s="389"/>
      <c r="CD11" s="389"/>
      <c r="CE11" s="389"/>
      <c r="CF11" s="389"/>
      <c r="CG11" s="389"/>
      <c r="CH11" s="389"/>
      <c r="CI11" s="389"/>
      <c r="CJ11" s="389"/>
      <c r="CK11" s="389"/>
      <c r="CL11" s="389"/>
      <c r="CM11" s="389"/>
      <c r="CN11" s="389"/>
      <c r="CO11" s="389"/>
      <c r="CP11" s="389"/>
      <c r="CQ11" s="389"/>
      <c r="CR11" s="389"/>
      <c r="CS11" s="389"/>
      <c r="CT11" s="389"/>
      <c r="CU11" s="389"/>
      <c r="CV11" s="389"/>
      <c r="CW11" s="389"/>
      <c r="CX11" s="389"/>
      <c r="CY11" s="389"/>
      <c r="CZ11" s="389"/>
      <c r="DA11" s="389"/>
      <c r="DB11" s="389"/>
      <c r="DC11" s="389"/>
      <c r="DD11" s="389"/>
      <c r="DE11" s="389"/>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389"/>
      <c r="B12" s="389"/>
      <c r="C12" s="389"/>
      <c r="D12" s="389"/>
      <c r="E12" s="389"/>
      <c r="F12" s="389"/>
      <c r="G12" s="389"/>
      <c r="H12" s="389"/>
      <c r="I12" s="389"/>
      <c r="J12" s="389"/>
      <c r="K12" s="389"/>
      <c r="L12" s="389"/>
      <c r="M12" s="389"/>
      <c r="N12" s="389"/>
      <c r="O12" s="389"/>
      <c r="P12" s="389"/>
      <c r="Q12" s="389"/>
      <c r="R12" s="389"/>
      <c r="S12" s="389"/>
      <c r="T12" s="389"/>
      <c r="U12" s="389"/>
      <c r="V12" s="389"/>
      <c r="W12" s="389"/>
      <c r="X12" s="389"/>
      <c r="Y12" s="389"/>
      <c r="Z12" s="389"/>
      <c r="AA12" s="389"/>
      <c r="AB12" s="389"/>
      <c r="AC12" s="389"/>
      <c r="AD12" s="389"/>
      <c r="AE12" s="389"/>
      <c r="AF12" s="389"/>
      <c r="AG12" s="389"/>
      <c r="AH12" s="389"/>
      <c r="AI12" s="389"/>
      <c r="AJ12" s="389"/>
      <c r="AK12" s="389"/>
      <c r="AL12" s="389"/>
      <c r="AM12" s="389"/>
      <c r="AN12" s="389"/>
      <c r="AO12" s="389"/>
      <c r="AP12" s="389"/>
      <c r="AQ12" s="389"/>
      <c r="AR12" s="389"/>
      <c r="AS12" s="389"/>
      <c r="AT12" s="389"/>
      <c r="AU12" s="389"/>
      <c r="AV12" s="389"/>
      <c r="AW12" s="389"/>
      <c r="AX12" s="389"/>
      <c r="AY12" s="389"/>
      <c r="AZ12" s="389"/>
      <c r="BA12" s="389"/>
      <c r="BB12" s="389"/>
      <c r="BC12" s="389"/>
      <c r="BD12" s="389"/>
      <c r="BE12" s="389"/>
      <c r="BF12" s="389"/>
      <c r="BG12" s="389"/>
      <c r="BH12" s="389"/>
      <c r="BI12" s="389"/>
      <c r="BJ12" s="389"/>
      <c r="BK12" s="389"/>
      <c r="BL12" s="389"/>
      <c r="BM12" s="389"/>
      <c r="BN12" s="389"/>
      <c r="BO12" s="389"/>
      <c r="BP12" s="389"/>
      <c r="BQ12" s="389"/>
      <c r="BR12" s="389"/>
      <c r="BS12" s="389"/>
      <c r="BT12" s="389"/>
      <c r="BU12" s="389"/>
      <c r="BV12" s="389"/>
      <c r="BW12" s="389"/>
      <c r="BX12" s="389"/>
      <c r="BY12" s="389"/>
      <c r="BZ12" s="389"/>
      <c r="CA12" s="389"/>
      <c r="CB12" s="389"/>
      <c r="CC12" s="389"/>
      <c r="CD12" s="389"/>
      <c r="CE12" s="389"/>
      <c r="CF12" s="389"/>
      <c r="CG12" s="389"/>
      <c r="CH12" s="389"/>
      <c r="CI12" s="389"/>
      <c r="CJ12" s="389"/>
      <c r="CK12" s="389"/>
      <c r="CL12" s="389"/>
      <c r="CM12" s="389"/>
      <c r="CN12" s="389"/>
      <c r="CO12" s="389"/>
      <c r="CP12" s="389"/>
      <c r="CQ12" s="389"/>
      <c r="CR12" s="389"/>
      <c r="CS12" s="389"/>
      <c r="CT12" s="389"/>
      <c r="CU12" s="389"/>
      <c r="CV12" s="389"/>
      <c r="CW12" s="389"/>
      <c r="CX12" s="389"/>
      <c r="CY12" s="389"/>
      <c r="CZ12" s="389"/>
      <c r="DA12" s="389"/>
      <c r="DB12" s="389"/>
      <c r="DC12" s="389"/>
      <c r="DD12" s="389"/>
      <c r="DE12" s="389"/>
      <c r="DF12" s="292"/>
      <c r="DG12" s="292"/>
      <c r="DH12" s="292"/>
      <c r="DI12" s="292"/>
      <c r="DJ12" s="292"/>
      <c r="DK12" s="292"/>
      <c r="DL12" s="292"/>
      <c r="DM12" s="292"/>
      <c r="DN12" s="292"/>
      <c r="DO12" s="292"/>
      <c r="DP12" s="292"/>
      <c r="DQ12" s="292"/>
      <c r="DR12" s="292"/>
      <c r="DS12" s="292"/>
      <c r="DT12" s="292"/>
      <c r="DU12" s="292"/>
      <c r="DV12" s="292"/>
      <c r="DW12" s="292"/>
      <c r="EM12" s="291" t="s">
        <v>
586</v>
      </c>
    </row>
    <row r="13" spans="1:143" s="291" customFormat="1" ht="13.2" x14ac:dyDescent="0.2">
      <c r="A13" s="389"/>
      <c r="B13" s="389"/>
      <c r="C13" s="389"/>
      <c r="D13" s="389"/>
      <c r="E13" s="389"/>
      <c r="F13" s="389"/>
      <c r="G13" s="389"/>
      <c r="H13" s="389"/>
      <c r="I13" s="389"/>
      <c r="J13" s="389"/>
      <c r="K13" s="389"/>
      <c r="L13" s="389"/>
      <c r="M13" s="389"/>
      <c r="N13" s="389"/>
      <c r="O13" s="389"/>
      <c r="P13" s="389"/>
      <c r="Q13" s="389"/>
      <c r="R13" s="389"/>
      <c r="S13" s="389"/>
      <c r="T13" s="389"/>
      <c r="U13" s="389"/>
      <c r="V13" s="389"/>
      <c r="W13" s="389"/>
      <c r="X13" s="389"/>
      <c r="Y13" s="389"/>
      <c r="Z13" s="389"/>
      <c r="AA13" s="389"/>
      <c r="AB13" s="389"/>
      <c r="AC13" s="389"/>
      <c r="AD13" s="389"/>
      <c r="AE13" s="389"/>
      <c r="AF13" s="389"/>
      <c r="AG13" s="389"/>
      <c r="AH13" s="389"/>
      <c r="AI13" s="389"/>
      <c r="AJ13" s="389"/>
      <c r="AK13" s="389"/>
      <c r="AL13" s="389"/>
      <c r="AM13" s="389"/>
      <c r="AN13" s="389"/>
      <c r="AO13" s="389"/>
      <c r="AP13" s="389"/>
      <c r="AQ13" s="389"/>
      <c r="AR13" s="389"/>
      <c r="AS13" s="389"/>
      <c r="AT13" s="389"/>
      <c r="AU13" s="389"/>
      <c r="AV13" s="389"/>
      <c r="AW13" s="389"/>
      <c r="AX13" s="389"/>
      <c r="AY13" s="389"/>
      <c r="AZ13" s="389"/>
      <c r="BA13" s="389"/>
      <c r="BB13" s="389"/>
      <c r="BC13" s="389"/>
      <c r="BD13" s="389"/>
      <c r="BE13" s="389"/>
      <c r="BF13" s="389"/>
      <c r="BG13" s="389"/>
      <c r="BH13" s="389"/>
      <c r="BI13" s="389"/>
      <c r="BJ13" s="389"/>
      <c r="BK13" s="389"/>
      <c r="BL13" s="389"/>
      <c r="BM13" s="389"/>
      <c r="BN13" s="389"/>
      <c r="BO13" s="389"/>
      <c r="BP13" s="389"/>
      <c r="BQ13" s="389"/>
      <c r="BR13" s="389"/>
      <c r="BS13" s="389"/>
      <c r="BT13" s="389"/>
      <c r="BU13" s="389"/>
      <c r="BV13" s="389"/>
      <c r="BW13" s="389"/>
      <c r="BX13" s="389"/>
      <c r="BY13" s="389"/>
      <c r="BZ13" s="389"/>
      <c r="CA13" s="389"/>
      <c r="CB13" s="389"/>
      <c r="CC13" s="389"/>
      <c r="CD13" s="389"/>
      <c r="CE13" s="389"/>
      <c r="CF13" s="389"/>
      <c r="CG13" s="389"/>
      <c r="CH13" s="389"/>
      <c r="CI13" s="389"/>
      <c r="CJ13" s="389"/>
      <c r="CK13" s="389"/>
      <c r="CL13" s="389"/>
      <c r="CM13" s="389"/>
      <c r="CN13" s="389"/>
      <c r="CO13" s="389"/>
      <c r="CP13" s="389"/>
      <c r="CQ13" s="389"/>
      <c r="CR13" s="389"/>
      <c r="CS13" s="389"/>
      <c r="CT13" s="389"/>
      <c r="CU13" s="389"/>
      <c r="CV13" s="389"/>
      <c r="CW13" s="389"/>
      <c r="CX13" s="389"/>
      <c r="CY13" s="389"/>
      <c r="CZ13" s="389"/>
      <c r="DA13" s="389"/>
      <c r="DB13" s="389"/>
      <c r="DC13" s="389"/>
      <c r="DD13" s="389"/>
      <c r="DE13" s="389"/>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389"/>
      <c r="B14" s="389"/>
      <c r="C14" s="389"/>
      <c r="D14" s="389"/>
      <c r="E14" s="389"/>
      <c r="F14" s="389"/>
      <c r="G14" s="389"/>
      <c r="H14" s="389"/>
      <c r="I14" s="389"/>
      <c r="J14" s="389"/>
      <c r="K14" s="389"/>
      <c r="L14" s="389"/>
      <c r="M14" s="389"/>
      <c r="N14" s="389"/>
      <c r="O14" s="389"/>
      <c r="P14" s="389"/>
      <c r="Q14" s="389"/>
      <c r="R14" s="389"/>
      <c r="S14" s="389"/>
      <c r="T14" s="389"/>
      <c r="U14" s="389"/>
      <c r="V14" s="389"/>
      <c r="W14" s="389"/>
      <c r="X14" s="389"/>
      <c r="Y14" s="389"/>
      <c r="Z14" s="389"/>
      <c r="AA14" s="389"/>
      <c r="AB14" s="389"/>
      <c r="AC14" s="389"/>
      <c r="AD14" s="389"/>
      <c r="AE14" s="389"/>
      <c r="AF14" s="389"/>
      <c r="AG14" s="389"/>
      <c r="AH14" s="389"/>
      <c r="AI14" s="389"/>
      <c r="AJ14" s="389"/>
      <c r="AK14" s="389"/>
      <c r="AL14" s="389"/>
      <c r="AM14" s="389"/>
      <c r="AN14" s="389"/>
      <c r="AO14" s="389"/>
      <c r="AP14" s="389"/>
      <c r="AQ14" s="389"/>
      <c r="AR14" s="389"/>
      <c r="AS14" s="389"/>
      <c r="AT14" s="389"/>
      <c r="AU14" s="389"/>
      <c r="AV14" s="389"/>
      <c r="AW14" s="389"/>
      <c r="AX14" s="389"/>
      <c r="AY14" s="389"/>
      <c r="AZ14" s="389"/>
      <c r="BA14" s="389"/>
      <c r="BB14" s="389"/>
      <c r="BC14" s="389"/>
      <c r="BD14" s="389"/>
      <c r="BE14" s="389"/>
      <c r="BF14" s="389"/>
      <c r="BG14" s="389"/>
      <c r="BH14" s="389"/>
      <c r="BI14" s="389"/>
      <c r="BJ14" s="389"/>
      <c r="BK14" s="389"/>
      <c r="BL14" s="389"/>
      <c r="BM14" s="389"/>
      <c r="BN14" s="389"/>
      <c r="BO14" s="389"/>
      <c r="BP14" s="389"/>
      <c r="BQ14" s="389"/>
      <c r="BR14" s="389"/>
      <c r="BS14" s="389"/>
      <c r="BT14" s="389"/>
      <c r="BU14" s="389"/>
      <c r="BV14" s="389"/>
      <c r="BW14" s="389"/>
      <c r="BX14" s="389"/>
      <c r="BY14" s="389"/>
      <c r="BZ14" s="389"/>
      <c r="CA14" s="389"/>
      <c r="CB14" s="389"/>
      <c r="CC14" s="389"/>
      <c r="CD14" s="389"/>
      <c r="CE14" s="389"/>
      <c r="CF14" s="389"/>
      <c r="CG14" s="389"/>
      <c r="CH14" s="389"/>
      <c r="CI14" s="389"/>
      <c r="CJ14" s="389"/>
      <c r="CK14" s="389"/>
      <c r="CL14" s="389"/>
      <c r="CM14" s="389"/>
      <c r="CN14" s="389"/>
      <c r="CO14" s="389"/>
      <c r="CP14" s="389"/>
      <c r="CQ14" s="389"/>
      <c r="CR14" s="389"/>
      <c r="CS14" s="389"/>
      <c r="CT14" s="389"/>
      <c r="CU14" s="389"/>
      <c r="CV14" s="389"/>
      <c r="CW14" s="389"/>
      <c r="CX14" s="389"/>
      <c r="CY14" s="389"/>
      <c r="CZ14" s="389"/>
      <c r="DA14" s="389"/>
      <c r="DB14" s="389"/>
      <c r="DC14" s="389"/>
      <c r="DD14" s="389"/>
      <c r="DE14" s="389"/>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8"/>
      <c r="B15" s="389"/>
      <c r="C15" s="389"/>
      <c r="D15" s="389"/>
      <c r="E15" s="389"/>
      <c r="F15" s="389"/>
      <c r="G15" s="389"/>
      <c r="H15" s="389"/>
      <c r="I15" s="389"/>
      <c r="J15" s="389"/>
      <c r="K15" s="389"/>
      <c r="L15" s="389"/>
      <c r="M15" s="389"/>
      <c r="N15" s="389"/>
      <c r="O15" s="389"/>
      <c r="P15" s="389"/>
      <c r="Q15" s="389"/>
      <c r="R15" s="389"/>
      <c r="S15" s="389"/>
      <c r="T15" s="389"/>
      <c r="U15" s="389"/>
      <c r="V15" s="389"/>
      <c r="W15" s="389"/>
      <c r="X15" s="389"/>
      <c r="Y15" s="389"/>
      <c r="Z15" s="389"/>
      <c r="AA15" s="389"/>
      <c r="AB15" s="389"/>
      <c r="AC15" s="389"/>
      <c r="AD15" s="389"/>
      <c r="AE15" s="389"/>
      <c r="AF15" s="389"/>
      <c r="AG15" s="389"/>
      <c r="AH15" s="389"/>
      <c r="AI15" s="389"/>
      <c r="AJ15" s="389"/>
      <c r="AK15" s="389"/>
      <c r="AL15" s="389"/>
      <c r="AM15" s="389"/>
      <c r="AN15" s="389"/>
      <c r="AO15" s="389"/>
      <c r="AP15" s="389"/>
      <c r="AQ15" s="389"/>
      <c r="AR15" s="389"/>
      <c r="AS15" s="389"/>
      <c r="AT15" s="389"/>
      <c r="AU15" s="389"/>
      <c r="AV15" s="389"/>
      <c r="AW15" s="389"/>
      <c r="AX15" s="389"/>
      <c r="AY15" s="389"/>
      <c r="AZ15" s="389"/>
      <c r="BA15" s="389"/>
      <c r="BB15" s="389"/>
      <c r="BC15" s="389"/>
      <c r="BD15" s="389"/>
      <c r="BE15" s="389"/>
      <c r="BF15" s="389"/>
      <c r="BG15" s="389"/>
      <c r="BH15" s="389"/>
      <c r="BI15" s="389"/>
      <c r="BJ15" s="389"/>
      <c r="BK15" s="389"/>
      <c r="BL15" s="389"/>
      <c r="BM15" s="389"/>
      <c r="BN15" s="389"/>
      <c r="BO15" s="389"/>
      <c r="BP15" s="389"/>
      <c r="BQ15" s="389"/>
      <c r="BR15" s="389"/>
      <c r="BS15" s="389"/>
      <c r="BT15" s="389"/>
      <c r="BU15" s="389"/>
      <c r="BV15" s="389"/>
      <c r="BW15" s="389"/>
      <c r="BX15" s="389"/>
      <c r="BY15" s="389"/>
      <c r="BZ15" s="389"/>
      <c r="CA15" s="389"/>
      <c r="CB15" s="389"/>
      <c r="CC15" s="389"/>
      <c r="CD15" s="389"/>
      <c r="CE15" s="389"/>
      <c r="CF15" s="389"/>
      <c r="CG15" s="389"/>
      <c r="CH15" s="389"/>
      <c r="CI15" s="389"/>
      <c r="CJ15" s="389"/>
      <c r="CK15" s="389"/>
      <c r="CL15" s="389"/>
      <c r="CM15" s="389"/>
      <c r="CN15" s="389"/>
      <c r="CO15" s="389"/>
      <c r="CP15" s="389"/>
      <c r="CQ15" s="389"/>
      <c r="CR15" s="389"/>
      <c r="CS15" s="389"/>
      <c r="CT15" s="389"/>
      <c r="CU15" s="389"/>
      <c r="CV15" s="389"/>
      <c r="CW15" s="389"/>
      <c r="CX15" s="389"/>
      <c r="CY15" s="389"/>
      <c r="CZ15" s="389"/>
      <c r="DA15" s="389"/>
      <c r="DB15" s="389"/>
      <c r="DC15" s="389"/>
      <c r="DD15" s="389"/>
      <c r="DE15" s="389"/>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8"/>
      <c r="B16" s="389"/>
      <c r="C16" s="389"/>
      <c r="D16" s="389"/>
      <c r="E16" s="389"/>
      <c r="F16" s="389"/>
      <c r="G16" s="389"/>
      <c r="H16" s="389"/>
      <c r="I16" s="389"/>
      <c r="J16" s="389"/>
      <c r="K16" s="389"/>
      <c r="L16" s="389"/>
      <c r="M16" s="389"/>
      <c r="N16" s="389"/>
      <c r="O16" s="389"/>
      <c r="P16" s="389"/>
      <c r="Q16" s="389"/>
      <c r="R16" s="389"/>
      <c r="S16" s="389"/>
      <c r="T16" s="389"/>
      <c r="U16" s="389"/>
      <c r="V16" s="389"/>
      <c r="W16" s="389"/>
      <c r="X16" s="389"/>
      <c r="Y16" s="389"/>
      <c r="Z16" s="389"/>
      <c r="AA16" s="389"/>
      <c r="AB16" s="389"/>
      <c r="AC16" s="389"/>
      <c r="AD16" s="389"/>
      <c r="AE16" s="389"/>
      <c r="AF16" s="389"/>
      <c r="AG16" s="389"/>
      <c r="AH16" s="389"/>
      <c r="AI16" s="389"/>
      <c r="AJ16" s="389"/>
      <c r="AK16" s="389"/>
      <c r="AL16" s="389"/>
      <c r="AM16" s="389"/>
      <c r="AN16" s="389"/>
      <c r="AO16" s="389"/>
      <c r="AP16" s="389"/>
      <c r="AQ16" s="389"/>
      <c r="AR16" s="389"/>
      <c r="AS16" s="389"/>
      <c r="AT16" s="389"/>
      <c r="AU16" s="389"/>
      <c r="AV16" s="389"/>
      <c r="AW16" s="389"/>
      <c r="AX16" s="389"/>
      <c r="AY16" s="389"/>
      <c r="AZ16" s="389"/>
      <c r="BA16" s="389"/>
      <c r="BB16" s="389"/>
      <c r="BC16" s="389"/>
      <c r="BD16" s="389"/>
      <c r="BE16" s="389"/>
      <c r="BF16" s="389"/>
      <c r="BG16" s="389"/>
      <c r="BH16" s="389"/>
      <c r="BI16" s="389"/>
      <c r="BJ16" s="389"/>
      <c r="BK16" s="389"/>
      <c r="BL16" s="389"/>
      <c r="BM16" s="389"/>
      <c r="BN16" s="389"/>
      <c r="BO16" s="389"/>
      <c r="BP16" s="389"/>
      <c r="BQ16" s="389"/>
      <c r="BR16" s="389"/>
      <c r="BS16" s="389"/>
      <c r="BT16" s="389"/>
      <c r="BU16" s="389"/>
      <c r="BV16" s="389"/>
      <c r="BW16" s="389"/>
      <c r="BX16" s="389"/>
      <c r="BY16" s="389"/>
      <c r="BZ16" s="389"/>
      <c r="CA16" s="389"/>
      <c r="CB16" s="389"/>
      <c r="CC16" s="389"/>
      <c r="CD16" s="389"/>
      <c r="CE16" s="389"/>
      <c r="CF16" s="389"/>
      <c r="CG16" s="389"/>
      <c r="CH16" s="389"/>
      <c r="CI16" s="389"/>
      <c r="CJ16" s="389"/>
      <c r="CK16" s="389"/>
      <c r="CL16" s="389"/>
      <c r="CM16" s="389"/>
      <c r="CN16" s="389"/>
      <c r="CO16" s="389"/>
      <c r="CP16" s="389"/>
      <c r="CQ16" s="389"/>
      <c r="CR16" s="389"/>
      <c r="CS16" s="389"/>
      <c r="CT16" s="389"/>
      <c r="CU16" s="389"/>
      <c r="CV16" s="389"/>
      <c r="CW16" s="389"/>
      <c r="CX16" s="389"/>
      <c r="CY16" s="389"/>
      <c r="CZ16" s="389"/>
      <c r="DA16" s="389"/>
      <c r="DB16" s="389"/>
      <c r="DC16" s="389"/>
      <c r="DD16" s="389"/>
      <c r="DE16" s="389"/>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8"/>
      <c r="B17" s="389"/>
      <c r="C17" s="389"/>
      <c r="D17" s="389"/>
      <c r="E17" s="389"/>
      <c r="F17" s="389"/>
      <c r="G17" s="389"/>
      <c r="H17" s="389"/>
      <c r="I17" s="389"/>
      <c r="J17" s="389"/>
      <c r="K17" s="389"/>
      <c r="L17" s="389"/>
      <c r="M17" s="389"/>
      <c r="N17" s="389"/>
      <c r="O17" s="389"/>
      <c r="P17" s="389"/>
      <c r="Q17" s="389"/>
      <c r="R17" s="389"/>
      <c r="S17" s="389"/>
      <c r="T17" s="389"/>
      <c r="U17" s="389"/>
      <c r="V17" s="389"/>
      <c r="W17" s="389"/>
      <c r="X17" s="389"/>
      <c r="Y17" s="389"/>
      <c r="Z17" s="389"/>
      <c r="AA17" s="389"/>
      <c r="AB17" s="389"/>
      <c r="AC17" s="389"/>
      <c r="AD17" s="389"/>
      <c r="AE17" s="389"/>
      <c r="AF17" s="389"/>
      <c r="AG17" s="389"/>
      <c r="AH17" s="389"/>
      <c r="AI17" s="389"/>
      <c r="AJ17" s="389"/>
      <c r="AK17" s="389"/>
      <c r="AL17" s="389"/>
      <c r="AM17" s="389"/>
      <c r="AN17" s="389"/>
      <c r="AO17" s="389"/>
      <c r="AP17" s="389"/>
      <c r="AQ17" s="389"/>
      <c r="AR17" s="389"/>
      <c r="AS17" s="389"/>
      <c r="AT17" s="389"/>
      <c r="AU17" s="389"/>
      <c r="AV17" s="389"/>
      <c r="AW17" s="389"/>
      <c r="AX17" s="389"/>
      <c r="AY17" s="389"/>
      <c r="AZ17" s="389"/>
      <c r="BA17" s="389"/>
      <c r="BB17" s="389"/>
      <c r="BC17" s="389"/>
      <c r="BD17" s="389"/>
      <c r="BE17" s="389"/>
      <c r="BF17" s="389"/>
      <c r="BG17" s="389"/>
      <c r="BH17" s="389"/>
      <c r="BI17" s="389"/>
      <c r="BJ17" s="389"/>
      <c r="BK17" s="389"/>
      <c r="BL17" s="389"/>
      <c r="BM17" s="389"/>
      <c r="BN17" s="389"/>
      <c r="BO17" s="389"/>
      <c r="BP17" s="389"/>
      <c r="BQ17" s="389"/>
      <c r="BR17" s="389"/>
      <c r="BS17" s="389"/>
      <c r="BT17" s="389"/>
      <c r="BU17" s="389"/>
      <c r="BV17" s="389"/>
      <c r="BW17" s="389"/>
      <c r="BX17" s="389"/>
      <c r="BY17" s="389"/>
      <c r="BZ17" s="389"/>
      <c r="CA17" s="389"/>
      <c r="CB17" s="389"/>
      <c r="CC17" s="389"/>
      <c r="CD17" s="389"/>
      <c r="CE17" s="389"/>
      <c r="CF17" s="389"/>
      <c r="CG17" s="389"/>
      <c r="CH17" s="389"/>
      <c r="CI17" s="389"/>
      <c r="CJ17" s="389"/>
      <c r="CK17" s="389"/>
      <c r="CL17" s="389"/>
      <c r="CM17" s="389"/>
      <c r="CN17" s="389"/>
      <c r="CO17" s="389"/>
      <c r="CP17" s="389"/>
      <c r="CQ17" s="389"/>
      <c r="CR17" s="389"/>
      <c r="CS17" s="389"/>
      <c r="CT17" s="389"/>
      <c r="CU17" s="389"/>
      <c r="CV17" s="389"/>
      <c r="CW17" s="389"/>
      <c r="CX17" s="389"/>
      <c r="CY17" s="389"/>
      <c r="CZ17" s="389"/>
      <c r="DA17" s="389"/>
      <c r="DB17" s="389"/>
      <c r="DC17" s="389"/>
      <c r="DD17" s="389"/>
      <c r="DE17" s="389"/>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8"/>
      <c r="B18" s="389"/>
      <c r="C18" s="389"/>
      <c r="D18" s="389"/>
      <c r="E18" s="389"/>
      <c r="F18" s="389"/>
      <c r="G18" s="389"/>
      <c r="H18" s="389"/>
      <c r="I18" s="389"/>
      <c r="J18" s="389"/>
      <c r="K18" s="389"/>
      <c r="L18" s="389"/>
      <c r="M18" s="389"/>
      <c r="N18" s="389"/>
      <c r="O18" s="389"/>
      <c r="P18" s="389"/>
      <c r="Q18" s="389"/>
      <c r="R18" s="389"/>
      <c r="S18" s="389"/>
      <c r="T18" s="389"/>
      <c r="U18" s="389"/>
      <c r="V18" s="389"/>
      <c r="W18" s="389"/>
      <c r="X18" s="389"/>
      <c r="Y18" s="389"/>
      <c r="Z18" s="389"/>
      <c r="AA18" s="389"/>
      <c r="AB18" s="389"/>
      <c r="AC18" s="389"/>
      <c r="AD18" s="389"/>
      <c r="AE18" s="389"/>
      <c r="AF18" s="389"/>
      <c r="AG18" s="389"/>
      <c r="AH18" s="389"/>
      <c r="AI18" s="389"/>
      <c r="AJ18" s="389"/>
      <c r="AK18" s="389"/>
      <c r="AL18" s="389"/>
      <c r="AM18" s="389"/>
      <c r="AN18" s="389"/>
      <c r="AO18" s="389"/>
      <c r="AP18" s="389"/>
      <c r="AQ18" s="389"/>
      <c r="AR18" s="389"/>
      <c r="AS18" s="389"/>
      <c r="AT18" s="389"/>
      <c r="AU18" s="389"/>
      <c r="AV18" s="389"/>
      <c r="AW18" s="389"/>
      <c r="AX18" s="389"/>
      <c r="AY18" s="389"/>
      <c r="AZ18" s="389"/>
      <c r="BA18" s="389"/>
      <c r="BB18" s="389"/>
      <c r="BC18" s="389"/>
      <c r="BD18" s="389"/>
      <c r="BE18" s="389"/>
      <c r="BF18" s="389"/>
      <c r="BG18" s="389"/>
      <c r="BH18" s="389"/>
      <c r="BI18" s="389"/>
      <c r="BJ18" s="389"/>
      <c r="BK18" s="389"/>
      <c r="BL18" s="389"/>
      <c r="BM18" s="389"/>
      <c r="BN18" s="389"/>
      <c r="BO18" s="389"/>
      <c r="BP18" s="389"/>
      <c r="BQ18" s="389"/>
      <c r="BR18" s="389"/>
      <c r="BS18" s="389"/>
      <c r="BT18" s="389"/>
      <c r="BU18" s="389"/>
      <c r="BV18" s="389"/>
      <c r="BW18" s="389"/>
      <c r="BX18" s="389"/>
      <c r="BY18" s="389"/>
      <c r="BZ18" s="389"/>
      <c r="CA18" s="389"/>
      <c r="CB18" s="389"/>
      <c r="CC18" s="389"/>
      <c r="CD18" s="389"/>
      <c r="CE18" s="389"/>
      <c r="CF18" s="389"/>
      <c r="CG18" s="389"/>
      <c r="CH18" s="389"/>
      <c r="CI18" s="389"/>
      <c r="CJ18" s="389"/>
      <c r="CK18" s="389"/>
      <c r="CL18" s="389"/>
      <c r="CM18" s="389"/>
      <c r="CN18" s="389"/>
      <c r="CO18" s="389"/>
      <c r="CP18" s="389"/>
      <c r="CQ18" s="389"/>
      <c r="CR18" s="389"/>
      <c r="CS18" s="389"/>
      <c r="CT18" s="389"/>
      <c r="CU18" s="389"/>
      <c r="CV18" s="389"/>
      <c r="CW18" s="389"/>
      <c r="CX18" s="389"/>
      <c r="CY18" s="389"/>
      <c r="CZ18" s="389"/>
      <c r="DA18" s="389"/>
      <c r="DB18" s="389"/>
      <c r="DC18" s="389"/>
      <c r="DD18" s="389"/>
      <c r="DE18" s="389"/>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8"/>
      <c r="DE19" s="388"/>
    </row>
    <row r="20" spans="1:351" ht="13.2" x14ac:dyDescent="0.2">
      <c r="DD20" s="388"/>
      <c r="DE20" s="388"/>
    </row>
    <row r="21" spans="1:351" ht="16.2" x14ac:dyDescent="0.2">
      <c r="B21" s="390"/>
      <c r="C21" s="391"/>
      <c r="D21" s="391"/>
      <c r="E21" s="391"/>
      <c r="F21" s="391"/>
      <c r="G21" s="391"/>
      <c r="H21" s="391"/>
      <c r="I21" s="391"/>
      <c r="J21" s="391"/>
      <c r="K21" s="391"/>
      <c r="L21" s="391"/>
      <c r="M21" s="391"/>
      <c r="N21" s="392"/>
      <c r="O21" s="391"/>
      <c r="P21" s="391"/>
      <c r="Q21" s="391"/>
      <c r="R21" s="391"/>
      <c r="S21" s="391"/>
      <c r="T21" s="391"/>
      <c r="U21" s="391"/>
      <c r="V21" s="391"/>
      <c r="W21" s="391"/>
      <c r="X21" s="391"/>
      <c r="Y21" s="391"/>
      <c r="Z21" s="391"/>
      <c r="AA21" s="391"/>
      <c r="AB21" s="391"/>
      <c r="AC21" s="391"/>
      <c r="AD21" s="391"/>
      <c r="AE21" s="391"/>
      <c r="AF21" s="391"/>
      <c r="AG21" s="391"/>
      <c r="AH21" s="391"/>
      <c r="AI21" s="391"/>
      <c r="AJ21" s="391"/>
      <c r="AK21" s="391"/>
      <c r="AL21" s="391"/>
      <c r="AM21" s="391"/>
      <c r="AN21" s="391"/>
      <c r="AO21" s="391"/>
      <c r="AP21" s="391"/>
      <c r="AQ21" s="391"/>
      <c r="AR21" s="391"/>
      <c r="AS21" s="391"/>
      <c r="AT21" s="392"/>
      <c r="AU21" s="391"/>
      <c r="AV21" s="391"/>
      <c r="AW21" s="391"/>
      <c r="AX21" s="391"/>
      <c r="AY21" s="391"/>
      <c r="AZ21" s="391"/>
      <c r="BA21" s="391"/>
      <c r="BB21" s="391"/>
      <c r="BC21" s="391"/>
      <c r="BD21" s="391"/>
      <c r="BE21" s="391"/>
      <c r="BF21" s="392"/>
      <c r="BG21" s="391"/>
      <c r="BH21" s="391"/>
      <c r="BI21" s="391"/>
      <c r="BJ21" s="391"/>
      <c r="BK21" s="391"/>
      <c r="BL21" s="391"/>
      <c r="BM21" s="391"/>
      <c r="BN21" s="391"/>
      <c r="BO21" s="391"/>
      <c r="BP21" s="391"/>
      <c r="BQ21" s="391"/>
      <c r="BR21" s="392"/>
      <c r="BS21" s="391"/>
      <c r="BT21" s="391"/>
      <c r="BU21" s="391"/>
      <c r="BV21" s="391"/>
      <c r="BW21" s="391"/>
      <c r="BX21" s="391"/>
      <c r="BY21" s="391"/>
      <c r="BZ21" s="391"/>
      <c r="CA21" s="391"/>
      <c r="CB21" s="391"/>
      <c r="CC21" s="391"/>
      <c r="CD21" s="392"/>
      <c r="CE21" s="391"/>
      <c r="CF21" s="391"/>
      <c r="CG21" s="391"/>
      <c r="CH21" s="391"/>
      <c r="CI21" s="391"/>
      <c r="CJ21" s="391"/>
      <c r="CK21" s="391"/>
      <c r="CL21" s="391"/>
      <c r="CM21" s="391"/>
      <c r="CN21" s="391"/>
      <c r="CO21" s="391"/>
      <c r="CP21" s="392"/>
      <c r="CQ21" s="391"/>
      <c r="CR21" s="391"/>
      <c r="CS21" s="391"/>
      <c r="CT21" s="391"/>
      <c r="CU21" s="391"/>
      <c r="CV21" s="391"/>
      <c r="CW21" s="391"/>
      <c r="CX21" s="391"/>
      <c r="CY21" s="391"/>
      <c r="CZ21" s="391"/>
      <c r="DA21" s="391"/>
      <c r="DB21" s="392"/>
      <c r="DC21" s="391"/>
      <c r="DD21" s="393"/>
      <c r="DE21" s="388"/>
      <c r="MM21" s="394"/>
    </row>
    <row r="22" spans="1:351" ht="16.2" x14ac:dyDescent="0.2">
      <c r="B22" s="395"/>
      <c r="MM22" s="394"/>
    </row>
    <row r="23" spans="1:351" ht="13.2" x14ac:dyDescent="0.2">
      <c r="B23" s="395"/>
    </row>
    <row r="24" spans="1:351" ht="13.2" x14ac:dyDescent="0.2">
      <c r="B24" s="395"/>
    </row>
    <row r="25" spans="1:351" ht="13.2" x14ac:dyDescent="0.2">
      <c r="B25" s="395"/>
    </row>
    <row r="26" spans="1:351" ht="13.2" x14ac:dyDescent="0.2">
      <c r="B26" s="395"/>
    </row>
    <row r="27" spans="1:351" ht="13.2" x14ac:dyDescent="0.2">
      <c r="B27" s="395"/>
    </row>
    <row r="28" spans="1:351" ht="13.2" x14ac:dyDescent="0.2">
      <c r="B28" s="395"/>
    </row>
    <row r="29" spans="1:351" ht="13.2" x14ac:dyDescent="0.2">
      <c r="B29" s="395"/>
    </row>
    <row r="30" spans="1:351" ht="13.2" x14ac:dyDescent="0.2">
      <c r="B30" s="395"/>
    </row>
    <row r="31" spans="1:351" ht="13.2" x14ac:dyDescent="0.2">
      <c r="B31" s="395"/>
    </row>
    <row r="32" spans="1:351" ht="13.2" x14ac:dyDescent="0.2">
      <c r="B32" s="395"/>
    </row>
    <row r="33" spans="2:109" ht="13.2" x14ac:dyDescent="0.2">
      <c r="B33" s="395"/>
    </row>
    <row r="34" spans="2:109" ht="13.2" x14ac:dyDescent="0.2">
      <c r="B34" s="395"/>
    </row>
    <row r="35" spans="2:109" ht="13.2" x14ac:dyDescent="0.2">
      <c r="B35" s="395"/>
    </row>
    <row r="36" spans="2:109" ht="13.2" x14ac:dyDescent="0.2">
      <c r="B36" s="395"/>
    </row>
    <row r="37" spans="2:109" ht="13.2" x14ac:dyDescent="0.2">
      <c r="B37" s="395"/>
    </row>
    <row r="38" spans="2:109" ht="13.2" x14ac:dyDescent="0.2">
      <c r="B38" s="395"/>
    </row>
    <row r="39" spans="2:109" ht="13.2" x14ac:dyDescent="0.2">
      <c r="B39" s="397"/>
      <c r="C39" s="398"/>
      <c r="D39" s="398"/>
      <c r="E39" s="398"/>
      <c r="F39" s="398"/>
      <c r="G39" s="398"/>
      <c r="H39" s="398"/>
      <c r="I39" s="398"/>
      <c r="J39" s="398"/>
      <c r="K39" s="398"/>
      <c r="L39" s="398"/>
      <c r="M39" s="398"/>
      <c r="N39" s="398"/>
      <c r="O39" s="398"/>
      <c r="P39" s="398"/>
      <c r="Q39" s="398"/>
      <c r="R39" s="398"/>
      <c r="S39" s="398"/>
      <c r="T39" s="398"/>
      <c r="U39" s="398"/>
      <c r="V39" s="398"/>
      <c r="W39" s="398"/>
      <c r="X39" s="398"/>
      <c r="Y39" s="398"/>
      <c r="Z39" s="398"/>
      <c r="AA39" s="398"/>
      <c r="AB39" s="398"/>
      <c r="AC39" s="398"/>
      <c r="AD39" s="398"/>
      <c r="AE39" s="398"/>
      <c r="AF39" s="398"/>
      <c r="AG39" s="398"/>
      <c r="AH39" s="398"/>
      <c r="AI39" s="398"/>
      <c r="AJ39" s="398"/>
      <c r="AK39" s="398"/>
      <c r="AL39" s="398"/>
      <c r="AM39" s="398"/>
      <c r="AN39" s="398"/>
      <c r="AO39" s="398"/>
      <c r="AP39" s="398"/>
      <c r="AQ39" s="398"/>
      <c r="AR39" s="398"/>
      <c r="AS39" s="398"/>
      <c r="AT39" s="398"/>
      <c r="AU39" s="398"/>
      <c r="AV39" s="398"/>
      <c r="AW39" s="398"/>
      <c r="AX39" s="398"/>
      <c r="AY39" s="398"/>
      <c r="AZ39" s="398"/>
      <c r="BA39" s="398"/>
      <c r="BB39" s="398"/>
      <c r="BC39" s="398"/>
      <c r="BD39" s="398"/>
      <c r="BE39" s="398"/>
      <c r="BF39" s="398"/>
      <c r="BG39" s="398"/>
      <c r="BH39" s="398"/>
      <c r="BI39" s="398"/>
      <c r="BJ39" s="398"/>
      <c r="BK39" s="398"/>
      <c r="BL39" s="398"/>
      <c r="BM39" s="398"/>
      <c r="BN39" s="398"/>
      <c r="BO39" s="398"/>
      <c r="BP39" s="398"/>
      <c r="BQ39" s="398"/>
      <c r="BR39" s="398"/>
      <c r="BS39" s="398"/>
      <c r="BT39" s="398"/>
      <c r="BU39" s="398"/>
      <c r="BV39" s="398"/>
      <c r="BW39" s="398"/>
      <c r="BX39" s="398"/>
      <c r="BY39" s="398"/>
      <c r="BZ39" s="398"/>
      <c r="CA39" s="398"/>
      <c r="CB39" s="398"/>
      <c r="CC39" s="398"/>
      <c r="CD39" s="398"/>
      <c r="CE39" s="398"/>
      <c r="CF39" s="398"/>
      <c r="CG39" s="398"/>
      <c r="CH39" s="398"/>
      <c r="CI39" s="398"/>
      <c r="CJ39" s="398"/>
      <c r="CK39" s="398"/>
      <c r="CL39" s="398"/>
      <c r="CM39" s="398"/>
      <c r="CN39" s="398"/>
      <c r="CO39" s="398"/>
      <c r="CP39" s="398"/>
      <c r="CQ39" s="398"/>
      <c r="CR39" s="398"/>
      <c r="CS39" s="398"/>
      <c r="CT39" s="398"/>
      <c r="CU39" s="398"/>
      <c r="CV39" s="398"/>
      <c r="CW39" s="398"/>
      <c r="CX39" s="398"/>
      <c r="CY39" s="398"/>
      <c r="CZ39" s="398"/>
      <c r="DA39" s="398"/>
      <c r="DB39" s="398"/>
      <c r="DC39" s="398"/>
      <c r="DD39" s="399"/>
    </row>
    <row r="40" spans="2:109" ht="13.2" x14ac:dyDescent="0.2">
      <c r="B40" s="400"/>
      <c r="DD40" s="400"/>
      <c r="DE40" s="388"/>
    </row>
    <row r="41" spans="2:109" ht="16.2" x14ac:dyDescent="0.2">
      <c r="B41" s="401" t="s">
        <v>
587</v>
      </c>
      <c r="C41" s="391"/>
      <c r="D41" s="391"/>
      <c r="E41" s="391"/>
      <c r="F41" s="391"/>
      <c r="G41" s="391"/>
      <c r="H41" s="391"/>
      <c r="I41" s="391"/>
      <c r="J41" s="391"/>
      <c r="K41" s="391"/>
      <c r="L41" s="391"/>
      <c r="M41" s="391"/>
      <c r="N41" s="391"/>
      <c r="O41" s="391"/>
      <c r="P41" s="391"/>
      <c r="Q41" s="391"/>
      <c r="R41" s="391"/>
      <c r="S41" s="391"/>
      <c r="T41" s="391"/>
      <c r="U41" s="391"/>
      <c r="V41" s="391"/>
      <c r="W41" s="391"/>
      <c r="X41" s="391"/>
      <c r="Y41" s="391"/>
      <c r="Z41" s="391"/>
      <c r="AA41" s="391"/>
      <c r="AB41" s="391"/>
      <c r="AC41" s="391"/>
      <c r="AD41" s="391"/>
      <c r="AE41" s="391"/>
      <c r="AF41" s="391"/>
      <c r="AG41" s="391"/>
      <c r="AH41" s="391"/>
      <c r="AI41" s="391"/>
      <c r="AJ41" s="391"/>
      <c r="AK41" s="391"/>
      <c r="AL41" s="391"/>
      <c r="AM41" s="391"/>
      <c r="AN41" s="391"/>
      <c r="AO41" s="391"/>
      <c r="AP41" s="391"/>
      <c r="AQ41" s="391"/>
      <c r="AR41" s="391"/>
      <c r="AS41" s="391"/>
      <c r="AT41" s="391"/>
      <c r="AU41" s="391"/>
      <c r="AV41" s="391"/>
      <c r="AW41" s="391"/>
      <c r="AX41" s="391"/>
      <c r="AY41" s="391"/>
      <c r="AZ41" s="391"/>
      <c r="BA41" s="391"/>
      <c r="BB41" s="391"/>
      <c r="BC41" s="391"/>
      <c r="BD41" s="391"/>
      <c r="BE41" s="391"/>
      <c r="BF41" s="391"/>
      <c r="BG41" s="391"/>
      <c r="BH41" s="391"/>
      <c r="BI41" s="391"/>
      <c r="BJ41" s="391"/>
      <c r="BK41" s="391"/>
      <c r="BL41" s="391"/>
      <c r="BM41" s="391"/>
      <c r="BN41" s="391"/>
      <c r="BO41" s="391"/>
      <c r="BP41" s="391"/>
      <c r="BQ41" s="391"/>
      <c r="BR41" s="391"/>
      <c r="BS41" s="391"/>
      <c r="BT41" s="391"/>
      <c r="BU41" s="391"/>
      <c r="BV41" s="391"/>
      <c r="BW41" s="391"/>
      <c r="BX41" s="391"/>
      <c r="BY41" s="391"/>
      <c r="BZ41" s="391"/>
      <c r="CA41" s="391"/>
      <c r="CB41" s="391"/>
      <c r="CC41" s="391"/>
      <c r="CD41" s="391"/>
      <c r="CE41" s="391"/>
      <c r="CF41" s="391"/>
      <c r="CG41" s="391"/>
      <c r="CH41" s="391"/>
      <c r="CI41" s="391"/>
      <c r="CJ41" s="391"/>
      <c r="CK41" s="391"/>
      <c r="CL41" s="391"/>
      <c r="CM41" s="391"/>
      <c r="CN41" s="391"/>
      <c r="CO41" s="391"/>
      <c r="CP41" s="391"/>
      <c r="CQ41" s="391"/>
      <c r="CR41" s="391"/>
      <c r="CS41" s="391"/>
      <c r="CT41" s="391"/>
      <c r="CU41" s="391"/>
      <c r="CV41" s="391"/>
      <c r="CW41" s="391"/>
      <c r="CX41" s="391"/>
      <c r="CY41" s="391"/>
      <c r="CZ41" s="391"/>
      <c r="DA41" s="391"/>
      <c r="DB41" s="391"/>
      <c r="DC41" s="391"/>
      <c r="DD41" s="393"/>
    </row>
    <row r="42" spans="2:109" ht="13.2" x14ac:dyDescent="0.2">
      <c r="B42" s="395"/>
      <c r="G42" s="402"/>
      <c r="I42" s="403"/>
      <c r="J42" s="403"/>
      <c r="K42" s="403"/>
      <c r="AM42" s="402"/>
      <c r="AN42" s="402" t="s">
        <v>
588</v>
      </c>
      <c r="AP42" s="403"/>
      <c r="AQ42" s="403"/>
      <c r="AR42" s="403"/>
      <c r="AY42" s="402"/>
      <c r="BA42" s="403"/>
      <c r="BB42" s="403"/>
      <c r="BC42" s="403"/>
      <c r="BK42" s="402"/>
      <c r="BM42" s="403"/>
      <c r="BN42" s="403"/>
      <c r="BO42" s="403"/>
      <c r="BW42" s="402"/>
      <c r="BY42" s="403"/>
      <c r="BZ42" s="403"/>
      <c r="CA42" s="403"/>
      <c r="CI42" s="402"/>
      <c r="CK42" s="403"/>
      <c r="CL42" s="403"/>
      <c r="CM42" s="403"/>
      <c r="CU42" s="402"/>
      <c r="CW42" s="403"/>
      <c r="CX42" s="403"/>
      <c r="CY42" s="403"/>
    </row>
    <row r="43" spans="2:109" ht="13.5" customHeight="1" x14ac:dyDescent="0.2">
      <c r="B43" s="395"/>
      <c r="AN43" s="1317" t="s">
        <v>
589</v>
      </c>
      <c r="AO43" s="1318"/>
      <c r="AP43" s="1318"/>
      <c r="AQ43" s="1318"/>
      <c r="AR43" s="1318"/>
      <c r="AS43" s="1318"/>
      <c r="AT43" s="1318"/>
      <c r="AU43" s="1318"/>
      <c r="AV43" s="1318"/>
      <c r="AW43" s="1318"/>
      <c r="AX43" s="1318"/>
      <c r="AY43" s="1318"/>
      <c r="AZ43" s="1318"/>
      <c r="BA43" s="1318"/>
      <c r="BB43" s="1318"/>
      <c r="BC43" s="1318"/>
      <c r="BD43" s="1318"/>
      <c r="BE43" s="1318"/>
      <c r="BF43" s="1318"/>
      <c r="BG43" s="1318"/>
      <c r="BH43" s="1318"/>
      <c r="BI43" s="1318"/>
      <c r="BJ43" s="1318"/>
      <c r="BK43" s="1318"/>
      <c r="BL43" s="1318"/>
      <c r="BM43" s="1318"/>
      <c r="BN43" s="1318"/>
      <c r="BO43" s="1318"/>
      <c r="BP43" s="1318"/>
      <c r="BQ43" s="1318"/>
      <c r="BR43" s="1318"/>
      <c r="BS43" s="1318"/>
      <c r="BT43" s="1318"/>
      <c r="BU43" s="1318"/>
      <c r="BV43" s="1318"/>
      <c r="BW43" s="1318"/>
      <c r="BX43" s="1318"/>
      <c r="BY43" s="1318"/>
      <c r="BZ43" s="1318"/>
      <c r="CA43" s="1318"/>
      <c r="CB43" s="1318"/>
      <c r="CC43" s="1318"/>
      <c r="CD43" s="1318"/>
      <c r="CE43" s="1318"/>
      <c r="CF43" s="1318"/>
      <c r="CG43" s="1318"/>
      <c r="CH43" s="1318"/>
      <c r="CI43" s="1318"/>
      <c r="CJ43" s="1318"/>
      <c r="CK43" s="1318"/>
      <c r="CL43" s="1318"/>
      <c r="CM43" s="1318"/>
      <c r="CN43" s="1318"/>
      <c r="CO43" s="1318"/>
      <c r="CP43" s="1318"/>
      <c r="CQ43" s="1318"/>
      <c r="CR43" s="1318"/>
      <c r="CS43" s="1318"/>
      <c r="CT43" s="1318"/>
      <c r="CU43" s="1318"/>
      <c r="CV43" s="1318"/>
      <c r="CW43" s="1318"/>
      <c r="CX43" s="1318"/>
      <c r="CY43" s="1318"/>
      <c r="CZ43" s="1318"/>
      <c r="DA43" s="1318"/>
      <c r="DB43" s="1318"/>
      <c r="DC43" s="1319"/>
    </row>
    <row r="44" spans="2:109" ht="13.2" x14ac:dyDescent="0.2">
      <c r="B44" s="395"/>
      <c r="AN44" s="1320"/>
      <c r="AO44" s="1321"/>
      <c r="AP44" s="1321"/>
      <c r="AQ44" s="1321"/>
      <c r="AR44" s="1321"/>
      <c r="AS44" s="1321"/>
      <c r="AT44" s="1321"/>
      <c r="AU44" s="1321"/>
      <c r="AV44" s="1321"/>
      <c r="AW44" s="1321"/>
      <c r="AX44" s="1321"/>
      <c r="AY44" s="1321"/>
      <c r="AZ44" s="1321"/>
      <c r="BA44" s="1321"/>
      <c r="BB44" s="1321"/>
      <c r="BC44" s="1321"/>
      <c r="BD44" s="1321"/>
      <c r="BE44" s="1321"/>
      <c r="BF44" s="1321"/>
      <c r="BG44" s="1321"/>
      <c r="BH44" s="1321"/>
      <c r="BI44" s="1321"/>
      <c r="BJ44" s="1321"/>
      <c r="BK44" s="1321"/>
      <c r="BL44" s="1321"/>
      <c r="BM44" s="1321"/>
      <c r="BN44" s="1321"/>
      <c r="BO44" s="1321"/>
      <c r="BP44" s="1321"/>
      <c r="BQ44" s="1321"/>
      <c r="BR44" s="1321"/>
      <c r="BS44" s="1321"/>
      <c r="BT44" s="1321"/>
      <c r="BU44" s="1321"/>
      <c r="BV44" s="1321"/>
      <c r="BW44" s="1321"/>
      <c r="BX44" s="1321"/>
      <c r="BY44" s="1321"/>
      <c r="BZ44" s="1321"/>
      <c r="CA44" s="1321"/>
      <c r="CB44" s="1321"/>
      <c r="CC44" s="1321"/>
      <c r="CD44" s="1321"/>
      <c r="CE44" s="1321"/>
      <c r="CF44" s="1321"/>
      <c r="CG44" s="1321"/>
      <c r="CH44" s="1321"/>
      <c r="CI44" s="1321"/>
      <c r="CJ44" s="1321"/>
      <c r="CK44" s="1321"/>
      <c r="CL44" s="1321"/>
      <c r="CM44" s="1321"/>
      <c r="CN44" s="1321"/>
      <c r="CO44" s="1321"/>
      <c r="CP44" s="1321"/>
      <c r="CQ44" s="1321"/>
      <c r="CR44" s="1321"/>
      <c r="CS44" s="1321"/>
      <c r="CT44" s="1321"/>
      <c r="CU44" s="1321"/>
      <c r="CV44" s="1321"/>
      <c r="CW44" s="1321"/>
      <c r="CX44" s="1321"/>
      <c r="CY44" s="1321"/>
      <c r="CZ44" s="1321"/>
      <c r="DA44" s="1321"/>
      <c r="DB44" s="1321"/>
      <c r="DC44" s="1322"/>
    </row>
    <row r="45" spans="2:109" ht="13.2" x14ac:dyDescent="0.2">
      <c r="B45" s="395"/>
      <c r="AN45" s="1320"/>
      <c r="AO45" s="1321"/>
      <c r="AP45" s="1321"/>
      <c r="AQ45" s="1321"/>
      <c r="AR45" s="1321"/>
      <c r="AS45" s="1321"/>
      <c r="AT45" s="1321"/>
      <c r="AU45" s="1321"/>
      <c r="AV45" s="1321"/>
      <c r="AW45" s="1321"/>
      <c r="AX45" s="1321"/>
      <c r="AY45" s="1321"/>
      <c r="AZ45" s="1321"/>
      <c r="BA45" s="1321"/>
      <c r="BB45" s="1321"/>
      <c r="BC45" s="1321"/>
      <c r="BD45" s="1321"/>
      <c r="BE45" s="1321"/>
      <c r="BF45" s="1321"/>
      <c r="BG45" s="1321"/>
      <c r="BH45" s="1321"/>
      <c r="BI45" s="1321"/>
      <c r="BJ45" s="1321"/>
      <c r="BK45" s="1321"/>
      <c r="BL45" s="1321"/>
      <c r="BM45" s="1321"/>
      <c r="BN45" s="1321"/>
      <c r="BO45" s="1321"/>
      <c r="BP45" s="1321"/>
      <c r="BQ45" s="1321"/>
      <c r="BR45" s="1321"/>
      <c r="BS45" s="1321"/>
      <c r="BT45" s="1321"/>
      <c r="BU45" s="1321"/>
      <c r="BV45" s="1321"/>
      <c r="BW45" s="1321"/>
      <c r="BX45" s="1321"/>
      <c r="BY45" s="1321"/>
      <c r="BZ45" s="1321"/>
      <c r="CA45" s="1321"/>
      <c r="CB45" s="1321"/>
      <c r="CC45" s="1321"/>
      <c r="CD45" s="1321"/>
      <c r="CE45" s="1321"/>
      <c r="CF45" s="1321"/>
      <c r="CG45" s="1321"/>
      <c r="CH45" s="1321"/>
      <c r="CI45" s="1321"/>
      <c r="CJ45" s="1321"/>
      <c r="CK45" s="1321"/>
      <c r="CL45" s="1321"/>
      <c r="CM45" s="1321"/>
      <c r="CN45" s="1321"/>
      <c r="CO45" s="1321"/>
      <c r="CP45" s="1321"/>
      <c r="CQ45" s="1321"/>
      <c r="CR45" s="1321"/>
      <c r="CS45" s="1321"/>
      <c r="CT45" s="1321"/>
      <c r="CU45" s="1321"/>
      <c r="CV45" s="1321"/>
      <c r="CW45" s="1321"/>
      <c r="CX45" s="1321"/>
      <c r="CY45" s="1321"/>
      <c r="CZ45" s="1321"/>
      <c r="DA45" s="1321"/>
      <c r="DB45" s="1321"/>
      <c r="DC45" s="1322"/>
    </row>
    <row r="46" spans="2:109" ht="13.2" x14ac:dyDescent="0.2">
      <c r="B46" s="395"/>
      <c r="AN46" s="1320"/>
      <c r="AO46" s="1321"/>
      <c r="AP46" s="1321"/>
      <c r="AQ46" s="1321"/>
      <c r="AR46" s="1321"/>
      <c r="AS46" s="1321"/>
      <c r="AT46" s="1321"/>
      <c r="AU46" s="1321"/>
      <c r="AV46" s="1321"/>
      <c r="AW46" s="1321"/>
      <c r="AX46" s="1321"/>
      <c r="AY46" s="1321"/>
      <c r="AZ46" s="1321"/>
      <c r="BA46" s="1321"/>
      <c r="BB46" s="1321"/>
      <c r="BC46" s="1321"/>
      <c r="BD46" s="1321"/>
      <c r="BE46" s="1321"/>
      <c r="BF46" s="1321"/>
      <c r="BG46" s="1321"/>
      <c r="BH46" s="1321"/>
      <c r="BI46" s="1321"/>
      <c r="BJ46" s="1321"/>
      <c r="BK46" s="1321"/>
      <c r="BL46" s="1321"/>
      <c r="BM46" s="1321"/>
      <c r="BN46" s="1321"/>
      <c r="BO46" s="1321"/>
      <c r="BP46" s="1321"/>
      <c r="BQ46" s="1321"/>
      <c r="BR46" s="1321"/>
      <c r="BS46" s="1321"/>
      <c r="BT46" s="1321"/>
      <c r="BU46" s="1321"/>
      <c r="BV46" s="1321"/>
      <c r="BW46" s="1321"/>
      <c r="BX46" s="1321"/>
      <c r="BY46" s="1321"/>
      <c r="BZ46" s="1321"/>
      <c r="CA46" s="1321"/>
      <c r="CB46" s="1321"/>
      <c r="CC46" s="1321"/>
      <c r="CD46" s="1321"/>
      <c r="CE46" s="1321"/>
      <c r="CF46" s="1321"/>
      <c r="CG46" s="1321"/>
      <c r="CH46" s="1321"/>
      <c r="CI46" s="1321"/>
      <c r="CJ46" s="1321"/>
      <c r="CK46" s="1321"/>
      <c r="CL46" s="1321"/>
      <c r="CM46" s="1321"/>
      <c r="CN46" s="1321"/>
      <c r="CO46" s="1321"/>
      <c r="CP46" s="1321"/>
      <c r="CQ46" s="1321"/>
      <c r="CR46" s="1321"/>
      <c r="CS46" s="1321"/>
      <c r="CT46" s="1321"/>
      <c r="CU46" s="1321"/>
      <c r="CV46" s="1321"/>
      <c r="CW46" s="1321"/>
      <c r="CX46" s="1321"/>
      <c r="CY46" s="1321"/>
      <c r="CZ46" s="1321"/>
      <c r="DA46" s="1321"/>
      <c r="DB46" s="1321"/>
      <c r="DC46" s="1322"/>
    </row>
    <row r="47" spans="2:109" ht="13.2" x14ac:dyDescent="0.2">
      <c r="B47" s="395"/>
      <c r="AN47" s="1323"/>
      <c r="AO47" s="1324"/>
      <c r="AP47" s="1324"/>
      <c r="AQ47" s="1324"/>
      <c r="AR47" s="1324"/>
      <c r="AS47" s="1324"/>
      <c r="AT47" s="1324"/>
      <c r="AU47" s="1324"/>
      <c r="AV47" s="1324"/>
      <c r="AW47" s="1324"/>
      <c r="AX47" s="1324"/>
      <c r="AY47" s="1324"/>
      <c r="AZ47" s="1324"/>
      <c r="BA47" s="1324"/>
      <c r="BB47" s="1324"/>
      <c r="BC47" s="1324"/>
      <c r="BD47" s="1324"/>
      <c r="BE47" s="1324"/>
      <c r="BF47" s="1324"/>
      <c r="BG47" s="1324"/>
      <c r="BH47" s="1324"/>
      <c r="BI47" s="1324"/>
      <c r="BJ47" s="1324"/>
      <c r="BK47" s="1324"/>
      <c r="BL47" s="1324"/>
      <c r="BM47" s="1324"/>
      <c r="BN47" s="1324"/>
      <c r="BO47" s="1324"/>
      <c r="BP47" s="1324"/>
      <c r="BQ47" s="1324"/>
      <c r="BR47" s="1324"/>
      <c r="BS47" s="1324"/>
      <c r="BT47" s="1324"/>
      <c r="BU47" s="1324"/>
      <c r="BV47" s="1324"/>
      <c r="BW47" s="1324"/>
      <c r="BX47" s="1324"/>
      <c r="BY47" s="1324"/>
      <c r="BZ47" s="1324"/>
      <c r="CA47" s="1324"/>
      <c r="CB47" s="1324"/>
      <c r="CC47" s="1324"/>
      <c r="CD47" s="1324"/>
      <c r="CE47" s="1324"/>
      <c r="CF47" s="1324"/>
      <c r="CG47" s="1324"/>
      <c r="CH47" s="1324"/>
      <c r="CI47" s="1324"/>
      <c r="CJ47" s="1324"/>
      <c r="CK47" s="1324"/>
      <c r="CL47" s="1324"/>
      <c r="CM47" s="1324"/>
      <c r="CN47" s="1324"/>
      <c r="CO47" s="1324"/>
      <c r="CP47" s="1324"/>
      <c r="CQ47" s="1324"/>
      <c r="CR47" s="1324"/>
      <c r="CS47" s="1324"/>
      <c r="CT47" s="1324"/>
      <c r="CU47" s="1324"/>
      <c r="CV47" s="1324"/>
      <c r="CW47" s="1324"/>
      <c r="CX47" s="1324"/>
      <c r="CY47" s="1324"/>
      <c r="CZ47" s="1324"/>
      <c r="DA47" s="1324"/>
      <c r="DB47" s="1324"/>
      <c r="DC47" s="1325"/>
    </row>
    <row r="48" spans="2:109" ht="13.2" x14ac:dyDescent="0.2">
      <c r="B48" s="395"/>
      <c r="H48" s="404"/>
      <c r="I48" s="404"/>
      <c r="J48" s="404"/>
      <c r="AN48" s="404"/>
      <c r="AO48" s="404"/>
      <c r="AP48" s="404"/>
      <c r="AZ48" s="404"/>
      <c r="BA48" s="404"/>
      <c r="BB48" s="404"/>
      <c r="BL48" s="404"/>
      <c r="BM48" s="404"/>
      <c r="BN48" s="404"/>
      <c r="BX48" s="404"/>
      <c r="BY48" s="404"/>
      <c r="BZ48" s="404"/>
      <c r="CJ48" s="404"/>
      <c r="CK48" s="404"/>
      <c r="CL48" s="404"/>
      <c r="CV48" s="404"/>
      <c r="CW48" s="404"/>
      <c r="CX48" s="404"/>
    </row>
    <row r="49" spans="1:109" ht="13.2" x14ac:dyDescent="0.2">
      <c r="B49" s="395"/>
      <c r="AN49" s="388" t="s">
        <v>
590</v>
      </c>
    </row>
    <row r="50" spans="1:109" ht="13.2" x14ac:dyDescent="0.2">
      <c r="B50" s="395"/>
      <c r="G50" s="1326"/>
      <c r="H50" s="1326"/>
      <c r="I50" s="1326"/>
      <c r="J50" s="1326"/>
      <c r="K50" s="405"/>
      <c r="L50" s="405"/>
      <c r="M50" s="406"/>
      <c r="N50" s="406"/>
      <c r="AN50" s="1327"/>
      <c r="AO50" s="1328"/>
      <c r="AP50" s="1328"/>
      <c r="AQ50" s="1328"/>
      <c r="AR50" s="1328"/>
      <c r="AS50" s="1328"/>
      <c r="AT50" s="1328"/>
      <c r="AU50" s="1328"/>
      <c r="AV50" s="1328"/>
      <c r="AW50" s="1328"/>
      <c r="AX50" s="1328"/>
      <c r="AY50" s="1328"/>
      <c r="AZ50" s="1328"/>
      <c r="BA50" s="1328"/>
      <c r="BB50" s="1328"/>
      <c r="BC50" s="1328"/>
      <c r="BD50" s="1328"/>
      <c r="BE50" s="1328"/>
      <c r="BF50" s="1328"/>
      <c r="BG50" s="1328"/>
      <c r="BH50" s="1328"/>
      <c r="BI50" s="1328"/>
      <c r="BJ50" s="1328"/>
      <c r="BK50" s="1328"/>
      <c r="BL50" s="1328"/>
      <c r="BM50" s="1328"/>
      <c r="BN50" s="1328"/>
      <c r="BO50" s="1329"/>
      <c r="BP50" s="1330" t="s">
        <v>
551</v>
      </c>
      <c r="BQ50" s="1330"/>
      <c r="BR50" s="1330"/>
      <c r="BS50" s="1330"/>
      <c r="BT50" s="1330"/>
      <c r="BU50" s="1330"/>
      <c r="BV50" s="1330"/>
      <c r="BW50" s="1330"/>
      <c r="BX50" s="1330" t="s">
        <v>
552</v>
      </c>
      <c r="BY50" s="1330"/>
      <c r="BZ50" s="1330"/>
      <c r="CA50" s="1330"/>
      <c r="CB50" s="1330"/>
      <c r="CC50" s="1330"/>
      <c r="CD50" s="1330"/>
      <c r="CE50" s="1330"/>
      <c r="CF50" s="1330" t="s">
        <v>
553</v>
      </c>
      <c r="CG50" s="1330"/>
      <c r="CH50" s="1330"/>
      <c r="CI50" s="1330"/>
      <c r="CJ50" s="1330"/>
      <c r="CK50" s="1330"/>
      <c r="CL50" s="1330"/>
      <c r="CM50" s="1330"/>
      <c r="CN50" s="1330" t="s">
        <v>
554</v>
      </c>
      <c r="CO50" s="1330"/>
      <c r="CP50" s="1330"/>
      <c r="CQ50" s="1330"/>
      <c r="CR50" s="1330"/>
      <c r="CS50" s="1330"/>
      <c r="CT50" s="1330"/>
      <c r="CU50" s="1330"/>
      <c r="CV50" s="1330" t="s">
        <v>
555</v>
      </c>
      <c r="CW50" s="1330"/>
      <c r="CX50" s="1330"/>
      <c r="CY50" s="1330"/>
      <c r="CZ50" s="1330"/>
      <c r="DA50" s="1330"/>
      <c r="DB50" s="1330"/>
      <c r="DC50" s="1330"/>
    </row>
    <row r="51" spans="1:109" ht="13.5" customHeight="1" x14ac:dyDescent="0.2">
      <c r="B51" s="395"/>
      <c r="G51" s="1336"/>
      <c r="H51" s="1336"/>
      <c r="I51" s="1334"/>
      <c r="J51" s="1334"/>
      <c r="K51" s="1332"/>
      <c r="L51" s="1332"/>
      <c r="M51" s="1332"/>
      <c r="N51" s="1332"/>
      <c r="AM51" s="404"/>
      <c r="AN51" s="1333" t="s">
        <v>
591</v>
      </c>
      <c r="AO51" s="1333"/>
      <c r="AP51" s="1333"/>
      <c r="AQ51" s="1333"/>
      <c r="AR51" s="1333"/>
      <c r="AS51" s="1333"/>
      <c r="AT51" s="1333"/>
      <c r="AU51" s="1333"/>
      <c r="AV51" s="1333"/>
      <c r="AW51" s="1333"/>
      <c r="AX51" s="1333"/>
      <c r="AY51" s="1333"/>
      <c r="AZ51" s="1333"/>
      <c r="BA51" s="1333"/>
      <c r="BB51" s="1333" t="s">
        <v>
592</v>
      </c>
      <c r="BC51" s="1333"/>
      <c r="BD51" s="1333"/>
      <c r="BE51" s="1333"/>
      <c r="BF51" s="1333"/>
      <c r="BG51" s="1333"/>
      <c r="BH51" s="1333"/>
      <c r="BI51" s="1333"/>
      <c r="BJ51" s="1333"/>
      <c r="BK51" s="1333"/>
      <c r="BL51" s="1333"/>
      <c r="BM51" s="1333"/>
      <c r="BN51" s="1333"/>
      <c r="BO51" s="1333"/>
      <c r="BP51" s="1331"/>
      <c r="BQ51" s="1331"/>
      <c r="BR51" s="1331"/>
      <c r="BS51" s="1331"/>
      <c r="BT51" s="1331"/>
      <c r="BU51" s="1331"/>
      <c r="BV51" s="1331"/>
      <c r="BW51" s="1331"/>
      <c r="BX51" s="1331"/>
      <c r="BY51" s="1331"/>
      <c r="BZ51" s="1331"/>
      <c r="CA51" s="1331"/>
      <c r="CB51" s="1331"/>
      <c r="CC51" s="1331"/>
      <c r="CD51" s="1331"/>
      <c r="CE51" s="1331"/>
      <c r="CF51" s="1331"/>
      <c r="CG51" s="1331"/>
      <c r="CH51" s="1331"/>
      <c r="CI51" s="1331"/>
      <c r="CJ51" s="1331"/>
      <c r="CK51" s="1331"/>
      <c r="CL51" s="1331"/>
      <c r="CM51" s="1331"/>
      <c r="CN51" s="1331"/>
      <c r="CO51" s="1331"/>
      <c r="CP51" s="1331"/>
      <c r="CQ51" s="1331"/>
      <c r="CR51" s="1331"/>
      <c r="CS51" s="1331"/>
      <c r="CT51" s="1331"/>
      <c r="CU51" s="1331"/>
      <c r="CV51" s="1331"/>
      <c r="CW51" s="1331"/>
      <c r="CX51" s="1331"/>
      <c r="CY51" s="1331"/>
      <c r="CZ51" s="1331"/>
      <c r="DA51" s="1331"/>
      <c r="DB51" s="1331"/>
      <c r="DC51" s="1331"/>
    </row>
    <row r="52" spans="1:109" ht="13.2" x14ac:dyDescent="0.2">
      <c r="B52" s="395"/>
      <c r="G52" s="1336"/>
      <c r="H52" s="1336"/>
      <c r="I52" s="1334"/>
      <c r="J52" s="1334"/>
      <c r="K52" s="1332"/>
      <c r="L52" s="1332"/>
      <c r="M52" s="1332"/>
      <c r="N52" s="1332"/>
      <c r="AM52" s="404"/>
      <c r="AN52" s="1333"/>
      <c r="AO52" s="1333"/>
      <c r="AP52" s="1333"/>
      <c r="AQ52" s="1333"/>
      <c r="AR52" s="1333"/>
      <c r="AS52" s="1333"/>
      <c r="AT52" s="1333"/>
      <c r="AU52" s="1333"/>
      <c r="AV52" s="1333"/>
      <c r="AW52" s="1333"/>
      <c r="AX52" s="1333"/>
      <c r="AY52" s="1333"/>
      <c r="AZ52" s="1333"/>
      <c r="BA52" s="1333"/>
      <c r="BB52" s="1333"/>
      <c r="BC52" s="1333"/>
      <c r="BD52" s="1333"/>
      <c r="BE52" s="1333"/>
      <c r="BF52" s="1333"/>
      <c r="BG52" s="1333"/>
      <c r="BH52" s="1333"/>
      <c r="BI52" s="1333"/>
      <c r="BJ52" s="1333"/>
      <c r="BK52" s="1333"/>
      <c r="BL52" s="1333"/>
      <c r="BM52" s="1333"/>
      <c r="BN52" s="1333"/>
      <c r="BO52" s="1333"/>
      <c r="BP52" s="1331"/>
      <c r="BQ52" s="1331"/>
      <c r="BR52" s="1331"/>
      <c r="BS52" s="1331"/>
      <c r="BT52" s="1331"/>
      <c r="BU52" s="1331"/>
      <c r="BV52" s="1331"/>
      <c r="BW52" s="1331"/>
      <c r="BX52" s="1331"/>
      <c r="BY52" s="1331"/>
      <c r="BZ52" s="1331"/>
      <c r="CA52" s="1331"/>
      <c r="CB52" s="1331"/>
      <c r="CC52" s="1331"/>
      <c r="CD52" s="1331"/>
      <c r="CE52" s="1331"/>
      <c r="CF52" s="1331"/>
      <c r="CG52" s="1331"/>
      <c r="CH52" s="1331"/>
      <c r="CI52" s="1331"/>
      <c r="CJ52" s="1331"/>
      <c r="CK52" s="1331"/>
      <c r="CL52" s="1331"/>
      <c r="CM52" s="1331"/>
      <c r="CN52" s="1331"/>
      <c r="CO52" s="1331"/>
      <c r="CP52" s="1331"/>
      <c r="CQ52" s="1331"/>
      <c r="CR52" s="1331"/>
      <c r="CS52" s="1331"/>
      <c r="CT52" s="1331"/>
      <c r="CU52" s="1331"/>
      <c r="CV52" s="1331"/>
      <c r="CW52" s="1331"/>
      <c r="CX52" s="1331"/>
      <c r="CY52" s="1331"/>
      <c r="CZ52" s="1331"/>
      <c r="DA52" s="1331"/>
      <c r="DB52" s="1331"/>
      <c r="DC52" s="1331"/>
    </row>
    <row r="53" spans="1:109" ht="13.2" x14ac:dyDescent="0.2">
      <c r="A53" s="403"/>
      <c r="B53" s="395"/>
      <c r="G53" s="1336"/>
      <c r="H53" s="1336"/>
      <c r="I53" s="1326"/>
      <c r="J53" s="1326"/>
      <c r="K53" s="1332"/>
      <c r="L53" s="1332"/>
      <c r="M53" s="1332"/>
      <c r="N53" s="1332"/>
      <c r="AM53" s="404"/>
      <c r="AN53" s="1333"/>
      <c r="AO53" s="1333"/>
      <c r="AP53" s="1333"/>
      <c r="AQ53" s="1333"/>
      <c r="AR53" s="1333"/>
      <c r="AS53" s="1333"/>
      <c r="AT53" s="1333"/>
      <c r="AU53" s="1333"/>
      <c r="AV53" s="1333"/>
      <c r="AW53" s="1333"/>
      <c r="AX53" s="1333"/>
      <c r="AY53" s="1333"/>
      <c r="AZ53" s="1333"/>
      <c r="BA53" s="1333"/>
      <c r="BB53" s="1333" t="s">
        <v>
593</v>
      </c>
      <c r="BC53" s="1333"/>
      <c r="BD53" s="1333"/>
      <c r="BE53" s="1333"/>
      <c r="BF53" s="1333"/>
      <c r="BG53" s="1333"/>
      <c r="BH53" s="1333"/>
      <c r="BI53" s="1333"/>
      <c r="BJ53" s="1333"/>
      <c r="BK53" s="1333"/>
      <c r="BL53" s="1333"/>
      <c r="BM53" s="1333"/>
      <c r="BN53" s="1333"/>
      <c r="BO53" s="1333"/>
      <c r="BP53" s="1331">
        <v>
62.4</v>
      </c>
      <c r="BQ53" s="1331"/>
      <c r="BR53" s="1331"/>
      <c r="BS53" s="1331"/>
      <c r="BT53" s="1331"/>
      <c r="BU53" s="1331"/>
      <c r="BV53" s="1331"/>
      <c r="BW53" s="1331"/>
      <c r="BX53" s="1331">
        <v>
63.8</v>
      </c>
      <c r="BY53" s="1331"/>
      <c r="BZ53" s="1331"/>
      <c r="CA53" s="1331"/>
      <c r="CB53" s="1331"/>
      <c r="CC53" s="1331"/>
      <c r="CD53" s="1331"/>
      <c r="CE53" s="1331"/>
      <c r="CF53" s="1331">
        <v>
65.400000000000006</v>
      </c>
      <c r="CG53" s="1331"/>
      <c r="CH53" s="1331"/>
      <c r="CI53" s="1331"/>
      <c r="CJ53" s="1331"/>
      <c r="CK53" s="1331"/>
      <c r="CL53" s="1331"/>
      <c r="CM53" s="1331"/>
      <c r="CN53" s="1331">
        <v>
66.400000000000006</v>
      </c>
      <c r="CO53" s="1331"/>
      <c r="CP53" s="1331"/>
      <c r="CQ53" s="1331"/>
      <c r="CR53" s="1331"/>
      <c r="CS53" s="1331"/>
      <c r="CT53" s="1331"/>
      <c r="CU53" s="1331"/>
      <c r="CV53" s="1331">
        <v>
66.3</v>
      </c>
      <c r="CW53" s="1331"/>
      <c r="CX53" s="1331"/>
      <c r="CY53" s="1331"/>
      <c r="CZ53" s="1331"/>
      <c r="DA53" s="1331"/>
      <c r="DB53" s="1331"/>
      <c r="DC53" s="1331"/>
    </row>
    <row r="54" spans="1:109" ht="13.2" x14ac:dyDescent="0.2">
      <c r="A54" s="403"/>
      <c r="B54" s="395"/>
      <c r="G54" s="1336"/>
      <c r="H54" s="1336"/>
      <c r="I54" s="1326"/>
      <c r="J54" s="1326"/>
      <c r="K54" s="1332"/>
      <c r="L54" s="1332"/>
      <c r="M54" s="1332"/>
      <c r="N54" s="1332"/>
      <c r="AM54" s="404"/>
      <c r="AN54" s="1333"/>
      <c r="AO54" s="1333"/>
      <c r="AP54" s="1333"/>
      <c r="AQ54" s="1333"/>
      <c r="AR54" s="1333"/>
      <c r="AS54" s="1333"/>
      <c r="AT54" s="1333"/>
      <c r="AU54" s="1333"/>
      <c r="AV54" s="1333"/>
      <c r="AW54" s="1333"/>
      <c r="AX54" s="1333"/>
      <c r="AY54" s="1333"/>
      <c r="AZ54" s="1333"/>
      <c r="BA54" s="1333"/>
      <c r="BB54" s="1333"/>
      <c r="BC54" s="1333"/>
      <c r="BD54" s="1333"/>
      <c r="BE54" s="1333"/>
      <c r="BF54" s="1333"/>
      <c r="BG54" s="1333"/>
      <c r="BH54" s="1333"/>
      <c r="BI54" s="1333"/>
      <c r="BJ54" s="1333"/>
      <c r="BK54" s="1333"/>
      <c r="BL54" s="1333"/>
      <c r="BM54" s="1333"/>
      <c r="BN54" s="1333"/>
      <c r="BO54" s="1333"/>
      <c r="BP54" s="1331"/>
      <c r="BQ54" s="1331"/>
      <c r="BR54" s="1331"/>
      <c r="BS54" s="1331"/>
      <c r="BT54" s="1331"/>
      <c r="BU54" s="1331"/>
      <c r="BV54" s="1331"/>
      <c r="BW54" s="1331"/>
      <c r="BX54" s="1331"/>
      <c r="BY54" s="1331"/>
      <c r="BZ54" s="1331"/>
      <c r="CA54" s="1331"/>
      <c r="CB54" s="1331"/>
      <c r="CC54" s="1331"/>
      <c r="CD54" s="1331"/>
      <c r="CE54" s="1331"/>
      <c r="CF54" s="1331"/>
      <c r="CG54" s="1331"/>
      <c r="CH54" s="1331"/>
      <c r="CI54" s="1331"/>
      <c r="CJ54" s="1331"/>
      <c r="CK54" s="1331"/>
      <c r="CL54" s="1331"/>
      <c r="CM54" s="1331"/>
      <c r="CN54" s="1331"/>
      <c r="CO54" s="1331"/>
      <c r="CP54" s="1331"/>
      <c r="CQ54" s="1331"/>
      <c r="CR54" s="1331"/>
      <c r="CS54" s="1331"/>
      <c r="CT54" s="1331"/>
      <c r="CU54" s="1331"/>
      <c r="CV54" s="1331"/>
      <c r="CW54" s="1331"/>
      <c r="CX54" s="1331"/>
      <c r="CY54" s="1331"/>
      <c r="CZ54" s="1331"/>
      <c r="DA54" s="1331"/>
      <c r="DB54" s="1331"/>
      <c r="DC54" s="1331"/>
    </row>
    <row r="55" spans="1:109" ht="13.2" x14ac:dyDescent="0.2">
      <c r="A55" s="403"/>
      <c r="B55" s="395"/>
      <c r="G55" s="1326"/>
      <c r="H55" s="1326"/>
      <c r="I55" s="1326"/>
      <c r="J55" s="1326"/>
      <c r="K55" s="1332"/>
      <c r="L55" s="1332"/>
      <c r="M55" s="1332"/>
      <c r="N55" s="1332"/>
      <c r="AN55" s="1330" t="s">
        <v>
594</v>
      </c>
      <c r="AO55" s="1330"/>
      <c r="AP55" s="1330"/>
      <c r="AQ55" s="1330"/>
      <c r="AR55" s="1330"/>
      <c r="AS55" s="1330"/>
      <c r="AT55" s="1330"/>
      <c r="AU55" s="1330"/>
      <c r="AV55" s="1330"/>
      <c r="AW55" s="1330"/>
      <c r="AX55" s="1330"/>
      <c r="AY55" s="1330"/>
      <c r="AZ55" s="1330"/>
      <c r="BA55" s="1330"/>
      <c r="BB55" s="1333" t="s">
        <v>
592</v>
      </c>
      <c r="BC55" s="1333"/>
      <c r="BD55" s="1333"/>
      <c r="BE55" s="1333"/>
      <c r="BF55" s="1333"/>
      <c r="BG55" s="1333"/>
      <c r="BH55" s="1333"/>
      <c r="BI55" s="1333"/>
      <c r="BJ55" s="1333"/>
      <c r="BK55" s="1333"/>
      <c r="BL55" s="1333"/>
      <c r="BM55" s="1333"/>
      <c r="BN55" s="1333"/>
      <c r="BO55" s="1333"/>
      <c r="BP55" s="1331">
        <v>
0</v>
      </c>
      <c r="BQ55" s="1331"/>
      <c r="BR55" s="1331"/>
      <c r="BS55" s="1331"/>
      <c r="BT55" s="1331"/>
      <c r="BU55" s="1331"/>
      <c r="BV55" s="1331"/>
      <c r="BW55" s="1331"/>
      <c r="BX55" s="1331">
        <v>
0</v>
      </c>
      <c r="BY55" s="1331"/>
      <c r="BZ55" s="1331"/>
      <c r="CA55" s="1331"/>
      <c r="CB55" s="1331"/>
      <c r="CC55" s="1331"/>
      <c r="CD55" s="1331"/>
      <c r="CE55" s="1331"/>
      <c r="CF55" s="1331">
        <v>
0</v>
      </c>
      <c r="CG55" s="1331"/>
      <c r="CH55" s="1331"/>
      <c r="CI55" s="1331"/>
      <c r="CJ55" s="1331"/>
      <c r="CK55" s="1331"/>
      <c r="CL55" s="1331"/>
      <c r="CM55" s="1331"/>
      <c r="CN55" s="1331">
        <v>
0</v>
      </c>
      <c r="CO55" s="1331"/>
      <c r="CP55" s="1331"/>
      <c r="CQ55" s="1331"/>
      <c r="CR55" s="1331"/>
      <c r="CS55" s="1331"/>
      <c r="CT55" s="1331"/>
      <c r="CU55" s="1331"/>
      <c r="CV55" s="1331">
        <v>
0</v>
      </c>
      <c r="CW55" s="1331"/>
      <c r="CX55" s="1331"/>
      <c r="CY55" s="1331"/>
      <c r="CZ55" s="1331"/>
      <c r="DA55" s="1331"/>
      <c r="DB55" s="1331"/>
      <c r="DC55" s="1331"/>
    </row>
    <row r="56" spans="1:109" ht="13.2" x14ac:dyDescent="0.2">
      <c r="A56" s="403"/>
      <c r="B56" s="395"/>
      <c r="G56" s="1326"/>
      <c r="H56" s="1326"/>
      <c r="I56" s="1326"/>
      <c r="J56" s="1326"/>
      <c r="K56" s="1332"/>
      <c r="L56" s="1332"/>
      <c r="M56" s="1332"/>
      <c r="N56" s="1332"/>
      <c r="AN56" s="1330"/>
      <c r="AO56" s="1330"/>
      <c r="AP56" s="1330"/>
      <c r="AQ56" s="1330"/>
      <c r="AR56" s="1330"/>
      <c r="AS56" s="1330"/>
      <c r="AT56" s="1330"/>
      <c r="AU56" s="1330"/>
      <c r="AV56" s="1330"/>
      <c r="AW56" s="1330"/>
      <c r="AX56" s="1330"/>
      <c r="AY56" s="1330"/>
      <c r="AZ56" s="1330"/>
      <c r="BA56" s="1330"/>
      <c r="BB56" s="1333"/>
      <c r="BC56" s="1333"/>
      <c r="BD56" s="1333"/>
      <c r="BE56" s="1333"/>
      <c r="BF56" s="1333"/>
      <c r="BG56" s="1333"/>
      <c r="BH56" s="1333"/>
      <c r="BI56" s="1333"/>
      <c r="BJ56" s="1333"/>
      <c r="BK56" s="1333"/>
      <c r="BL56" s="1333"/>
      <c r="BM56" s="1333"/>
      <c r="BN56" s="1333"/>
      <c r="BO56" s="1333"/>
      <c r="BP56" s="1331"/>
      <c r="BQ56" s="1331"/>
      <c r="BR56" s="1331"/>
      <c r="BS56" s="1331"/>
      <c r="BT56" s="1331"/>
      <c r="BU56" s="1331"/>
      <c r="BV56" s="1331"/>
      <c r="BW56" s="1331"/>
      <c r="BX56" s="1331"/>
      <c r="BY56" s="1331"/>
      <c r="BZ56" s="1331"/>
      <c r="CA56" s="1331"/>
      <c r="CB56" s="1331"/>
      <c r="CC56" s="1331"/>
      <c r="CD56" s="1331"/>
      <c r="CE56" s="1331"/>
      <c r="CF56" s="1331"/>
      <c r="CG56" s="1331"/>
      <c r="CH56" s="1331"/>
      <c r="CI56" s="1331"/>
      <c r="CJ56" s="1331"/>
      <c r="CK56" s="1331"/>
      <c r="CL56" s="1331"/>
      <c r="CM56" s="1331"/>
      <c r="CN56" s="1331"/>
      <c r="CO56" s="1331"/>
      <c r="CP56" s="1331"/>
      <c r="CQ56" s="1331"/>
      <c r="CR56" s="1331"/>
      <c r="CS56" s="1331"/>
      <c r="CT56" s="1331"/>
      <c r="CU56" s="1331"/>
      <c r="CV56" s="1331"/>
      <c r="CW56" s="1331"/>
      <c r="CX56" s="1331"/>
      <c r="CY56" s="1331"/>
      <c r="CZ56" s="1331"/>
      <c r="DA56" s="1331"/>
      <c r="DB56" s="1331"/>
      <c r="DC56" s="1331"/>
    </row>
    <row r="57" spans="1:109" s="403" customFormat="1" ht="13.2" x14ac:dyDescent="0.2">
      <c r="B57" s="407"/>
      <c r="G57" s="1326"/>
      <c r="H57" s="1326"/>
      <c r="I57" s="1335"/>
      <c r="J57" s="1335"/>
      <c r="K57" s="1332"/>
      <c r="L57" s="1332"/>
      <c r="M57" s="1332"/>
      <c r="N57" s="1332"/>
      <c r="AM57" s="388"/>
      <c r="AN57" s="1330"/>
      <c r="AO57" s="1330"/>
      <c r="AP57" s="1330"/>
      <c r="AQ57" s="1330"/>
      <c r="AR57" s="1330"/>
      <c r="AS57" s="1330"/>
      <c r="AT57" s="1330"/>
      <c r="AU57" s="1330"/>
      <c r="AV57" s="1330"/>
      <c r="AW57" s="1330"/>
      <c r="AX57" s="1330"/>
      <c r="AY57" s="1330"/>
      <c r="AZ57" s="1330"/>
      <c r="BA57" s="1330"/>
      <c r="BB57" s="1333" t="s">
        <v>
593</v>
      </c>
      <c r="BC57" s="1333"/>
      <c r="BD57" s="1333"/>
      <c r="BE57" s="1333"/>
      <c r="BF57" s="1333"/>
      <c r="BG57" s="1333"/>
      <c r="BH57" s="1333"/>
      <c r="BI57" s="1333"/>
      <c r="BJ57" s="1333"/>
      <c r="BK57" s="1333"/>
      <c r="BL57" s="1333"/>
      <c r="BM57" s="1333"/>
      <c r="BN57" s="1333"/>
      <c r="BO57" s="1333"/>
      <c r="BP57" s="1331">
        <v>
60.2</v>
      </c>
      <c r="BQ57" s="1331"/>
      <c r="BR57" s="1331"/>
      <c r="BS57" s="1331"/>
      <c r="BT57" s="1331"/>
      <c r="BU57" s="1331"/>
      <c r="BV57" s="1331"/>
      <c r="BW57" s="1331"/>
      <c r="BX57" s="1331">
        <v>
56.8</v>
      </c>
      <c r="BY57" s="1331"/>
      <c r="BZ57" s="1331"/>
      <c r="CA57" s="1331"/>
      <c r="CB57" s="1331"/>
      <c r="CC57" s="1331"/>
      <c r="CD57" s="1331"/>
      <c r="CE57" s="1331"/>
      <c r="CF57" s="1331">
        <v>
56.9</v>
      </c>
      <c r="CG57" s="1331"/>
      <c r="CH57" s="1331"/>
      <c r="CI57" s="1331"/>
      <c r="CJ57" s="1331"/>
      <c r="CK57" s="1331"/>
      <c r="CL57" s="1331"/>
      <c r="CM57" s="1331"/>
      <c r="CN57" s="1331">
        <v>
57.7</v>
      </c>
      <c r="CO57" s="1331"/>
      <c r="CP57" s="1331"/>
      <c r="CQ57" s="1331"/>
      <c r="CR57" s="1331"/>
      <c r="CS57" s="1331"/>
      <c r="CT57" s="1331"/>
      <c r="CU57" s="1331"/>
      <c r="CV57" s="1331">
        <v>
56.3</v>
      </c>
      <c r="CW57" s="1331"/>
      <c r="CX57" s="1331"/>
      <c r="CY57" s="1331"/>
      <c r="CZ57" s="1331"/>
      <c r="DA57" s="1331"/>
      <c r="DB57" s="1331"/>
      <c r="DC57" s="1331"/>
      <c r="DD57" s="408"/>
      <c r="DE57" s="407"/>
    </row>
    <row r="58" spans="1:109" s="403" customFormat="1" ht="13.2" x14ac:dyDescent="0.2">
      <c r="A58" s="388"/>
      <c r="B58" s="407"/>
      <c r="G58" s="1326"/>
      <c r="H58" s="1326"/>
      <c r="I58" s="1335"/>
      <c r="J58" s="1335"/>
      <c r="K58" s="1332"/>
      <c r="L58" s="1332"/>
      <c r="M58" s="1332"/>
      <c r="N58" s="1332"/>
      <c r="AM58" s="388"/>
      <c r="AN58" s="1330"/>
      <c r="AO58" s="1330"/>
      <c r="AP58" s="1330"/>
      <c r="AQ58" s="1330"/>
      <c r="AR58" s="1330"/>
      <c r="AS58" s="1330"/>
      <c r="AT58" s="1330"/>
      <c r="AU58" s="1330"/>
      <c r="AV58" s="1330"/>
      <c r="AW58" s="1330"/>
      <c r="AX58" s="1330"/>
      <c r="AY58" s="1330"/>
      <c r="AZ58" s="1330"/>
      <c r="BA58" s="1330"/>
      <c r="BB58" s="1333"/>
      <c r="BC58" s="1333"/>
      <c r="BD58" s="1333"/>
      <c r="BE58" s="1333"/>
      <c r="BF58" s="1333"/>
      <c r="BG58" s="1333"/>
      <c r="BH58" s="1333"/>
      <c r="BI58" s="1333"/>
      <c r="BJ58" s="1333"/>
      <c r="BK58" s="1333"/>
      <c r="BL58" s="1333"/>
      <c r="BM58" s="1333"/>
      <c r="BN58" s="1333"/>
      <c r="BO58" s="1333"/>
      <c r="BP58" s="1331"/>
      <c r="BQ58" s="1331"/>
      <c r="BR58" s="1331"/>
      <c r="BS58" s="1331"/>
      <c r="BT58" s="1331"/>
      <c r="BU58" s="1331"/>
      <c r="BV58" s="1331"/>
      <c r="BW58" s="1331"/>
      <c r="BX58" s="1331"/>
      <c r="BY58" s="1331"/>
      <c r="BZ58" s="1331"/>
      <c r="CA58" s="1331"/>
      <c r="CB58" s="1331"/>
      <c r="CC58" s="1331"/>
      <c r="CD58" s="1331"/>
      <c r="CE58" s="1331"/>
      <c r="CF58" s="1331"/>
      <c r="CG58" s="1331"/>
      <c r="CH58" s="1331"/>
      <c r="CI58" s="1331"/>
      <c r="CJ58" s="1331"/>
      <c r="CK58" s="1331"/>
      <c r="CL58" s="1331"/>
      <c r="CM58" s="1331"/>
      <c r="CN58" s="1331"/>
      <c r="CO58" s="1331"/>
      <c r="CP58" s="1331"/>
      <c r="CQ58" s="1331"/>
      <c r="CR58" s="1331"/>
      <c r="CS58" s="1331"/>
      <c r="CT58" s="1331"/>
      <c r="CU58" s="1331"/>
      <c r="CV58" s="1331"/>
      <c r="CW58" s="1331"/>
      <c r="CX58" s="1331"/>
      <c r="CY58" s="1331"/>
      <c r="CZ58" s="1331"/>
      <c r="DA58" s="1331"/>
      <c r="DB58" s="1331"/>
      <c r="DC58" s="1331"/>
      <c r="DD58" s="408"/>
      <c r="DE58" s="407"/>
    </row>
    <row r="59" spans="1:109" s="403" customFormat="1" ht="13.2" x14ac:dyDescent="0.2">
      <c r="A59" s="388"/>
      <c r="B59" s="407"/>
      <c r="K59" s="409"/>
      <c r="L59" s="409"/>
      <c r="M59" s="409"/>
      <c r="N59" s="409"/>
      <c r="AQ59" s="409"/>
      <c r="AR59" s="409"/>
      <c r="AS59" s="409"/>
      <c r="AT59" s="409"/>
      <c r="BC59" s="409"/>
      <c r="BD59" s="409"/>
      <c r="BE59" s="409"/>
      <c r="BF59" s="409"/>
      <c r="BO59" s="409"/>
      <c r="BP59" s="409"/>
      <c r="BQ59" s="409"/>
      <c r="BR59" s="409"/>
      <c r="CA59" s="409"/>
      <c r="CB59" s="409"/>
      <c r="CC59" s="409"/>
      <c r="CD59" s="409"/>
      <c r="CM59" s="409"/>
      <c r="CN59" s="409"/>
      <c r="CO59" s="409"/>
      <c r="CP59" s="409"/>
      <c r="CY59" s="409"/>
      <c r="CZ59" s="409"/>
      <c r="DA59" s="409"/>
      <c r="DB59" s="409"/>
      <c r="DC59" s="409"/>
      <c r="DD59" s="408"/>
      <c r="DE59" s="407"/>
    </row>
    <row r="60" spans="1:109" s="403" customFormat="1" ht="13.2" x14ac:dyDescent="0.2">
      <c r="A60" s="388"/>
      <c r="B60" s="407"/>
      <c r="K60" s="409"/>
      <c r="L60" s="409"/>
      <c r="M60" s="409"/>
      <c r="N60" s="409"/>
      <c r="AQ60" s="409"/>
      <c r="AR60" s="409"/>
      <c r="AS60" s="409"/>
      <c r="AT60" s="409"/>
      <c r="BC60" s="409"/>
      <c r="BD60" s="409"/>
      <c r="BE60" s="409"/>
      <c r="BF60" s="409"/>
      <c r="BO60" s="409"/>
      <c r="BP60" s="409"/>
      <c r="BQ60" s="409"/>
      <c r="BR60" s="409"/>
      <c r="CA60" s="409"/>
      <c r="CB60" s="409"/>
      <c r="CC60" s="409"/>
      <c r="CD60" s="409"/>
      <c r="CM60" s="409"/>
      <c r="CN60" s="409"/>
      <c r="CO60" s="409"/>
      <c r="CP60" s="409"/>
      <c r="CY60" s="409"/>
      <c r="CZ60" s="409"/>
      <c r="DA60" s="409"/>
      <c r="DB60" s="409"/>
      <c r="DC60" s="409"/>
      <c r="DD60" s="408"/>
      <c r="DE60" s="407"/>
    </row>
    <row r="61" spans="1:109" s="403" customFormat="1" ht="13.2" x14ac:dyDescent="0.2">
      <c r="A61" s="388"/>
      <c r="B61" s="410"/>
      <c r="C61" s="411"/>
      <c r="D61" s="411"/>
      <c r="E61" s="411"/>
      <c r="F61" s="411"/>
      <c r="G61" s="411"/>
      <c r="H61" s="411"/>
      <c r="I61" s="411"/>
      <c r="J61" s="411"/>
      <c r="K61" s="411"/>
      <c r="L61" s="411"/>
      <c r="M61" s="412"/>
      <c r="N61" s="412"/>
      <c r="O61" s="411"/>
      <c r="P61" s="411"/>
      <c r="Q61" s="411"/>
      <c r="R61" s="411"/>
      <c r="S61" s="411"/>
      <c r="T61" s="411"/>
      <c r="U61" s="411"/>
      <c r="V61" s="411"/>
      <c r="W61" s="411"/>
      <c r="X61" s="411"/>
      <c r="Y61" s="411"/>
      <c r="Z61" s="411"/>
      <c r="AA61" s="411"/>
      <c r="AB61" s="411"/>
      <c r="AC61" s="411"/>
      <c r="AD61" s="411"/>
      <c r="AE61" s="411"/>
      <c r="AF61" s="411"/>
      <c r="AG61" s="411"/>
      <c r="AH61" s="411"/>
      <c r="AI61" s="411"/>
      <c r="AJ61" s="411"/>
      <c r="AK61" s="411"/>
      <c r="AL61" s="411"/>
      <c r="AM61" s="411"/>
      <c r="AN61" s="411"/>
      <c r="AO61" s="411"/>
      <c r="AP61" s="411"/>
      <c r="AQ61" s="411"/>
      <c r="AR61" s="411"/>
      <c r="AS61" s="412"/>
      <c r="AT61" s="412"/>
      <c r="AU61" s="411"/>
      <c r="AV61" s="411"/>
      <c r="AW61" s="411"/>
      <c r="AX61" s="411"/>
      <c r="AY61" s="411"/>
      <c r="AZ61" s="411"/>
      <c r="BA61" s="411"/>
      <c r="BB61" s="411"/>
      <c r="BC61" s="411"/>
      <c r="BD61" s="411"/>
      <c r="BE61" s="412"/>
      <c r="BF61" s="412"/>
      <c r="BG61" s="411"/>
      <c r="BH61" s="411"/>
      <c r="BI61" s="411"/>
      <c r="BJ61" s="411"/>
      <c r="BK61" s="411"/>
      <c r="BL61" s="411"/>
      <c r="BM61" s="411"/>
      <c r="BN61" s="411"/>
      <c r="BO61" s="411"/>
      <c r="BP61" s="411"/>
      <c r="BQ61" s="412"/>
      <c r="BR61" s="412"/>
      <c r="BS61" s="411"/>
      <c r="BT61" s="411"/>
      <c r="BU61" s="411"/>
      <c r="BV61" s="411"/>
      <c r="BW61" s="411"/>
      <c r="BX61" s="411"/>
      <c r="BY61" s="411"/>
      <c r="BZ61" s="411"/>
      <c r="CA61" s="411"/>
      <c r="CB61" s="411"/>
      <c r="CC61" s="412"/>
      <c r="CD61" s="412"/>
      <c r="CE61" s="411"/>
      <c r="CF61" s="411"/>
      <c r="CG61" s="411"/>
      <c r="CH61" s="411"/>
      <c r="CI61" s="411"/>
      <c r="CJ61" s="411"/>
      <c r="CK61" s="411"/>
      <c r="CL61" s="411"/>
      <c r="CM61" s="411"/>
      <c r="CN61" s="411"/>
      <c r="CO61" s="412"/>
      <c r="CP61" s="412"/>
      <c r="CQ61" s="411"/>
      <c r="CR61" s="411"/>
      <c r="CS61" s="411"/>
      <c r="CT61" s="411"/>
      <c r="CU61" s="411"/>
      <c r="CV61" s="411"/>
      <c r="CW61" s="411"/>
      <c r="CX61" s="411"/>
      <c r="CY61" s="411"/>
      <c r="CZ61" s="411"/>
      <c r="DA61" s="412"/>
      <c r="DB61" s="412"/>
      <c r="DC61" s="412"/>
      <c r="DD61" s="413"/>
      <c r="DE61" s="407"/>
    </row>
    <row r="62" spans="1:109" ht="13.2" x14ac:dyDescent="0.2">
      <c r="B62" s="400"/>
      <c r="C62" s="400"/>
      <c r="D62" s="400"/>
      <c r="E62" s="400"/>
      <c r="F62" s="400"/>
      <c r="G62" s="400"/>
      <c r="H62" s="400"/>
      <c r="I62" s="400"/>
      <c r="J62" s="400"/>
      <c r="K62" s="400"/>
      <c r="L62" s="400"/>
      <c r="M62" s="400"/>
      <c r="N62" s="400"/>
      <c r="O62" s="400"/>
      <c r="P62" s="400"/>
      <c r="Q62" s="400"/>
      <c r="R62" s="400"/>
      <c r="S62" s="400"/>
      <c r="T62" s="400"/>
      <c r="U62" s="400"/>
      <c r="V62" s="400"/>
      <c r="W62" s="400"/>
      <c r="X62" s="400"/>
      <c r="Y62" s="400"/>
      <c r="Z62" s="400"/>
      <c r="AA62" s="400"/>
      <c r="AB62" s="400"/>
      <c r="AC62" s="400"/>
      <c r="AD62" s="400"/>
      <c r="AE62" s="400"/>
      <c r="AF62" s="400"/>
      <c r="AG62" s="400"/>
      <c r="AH62" s="400"/>
      <c r="AI62" s="400"/>
      <c r="AJ62" s="400"/>
      <c r="AK62" s="400"/>
      <c r="AL62" s="400"/>
      <c r="AM62" s="400"/>
      <c r="AN62" s="400"/>
      <c r="AO62" s="400"/>
      <c r="AP62" s="400"/>
      <c r="AQ62" s="400"/>
      <c r="AR62" s="400"/>
      <c r="AS62" s="400"/>
      <c r="AT62" s="400"/>
      <c r="AU62" s="400"/>
      <c r="AV62" s="400"/>
      <c r="AW62" s="400"/>
      <c r="AX62" s="400"/>
      <c r="AY62" s="400"/>
      <c r="AZ62" s="400"/>
      <c r="BA62" s="400"/>
      <c r="BB62" s="400"/>
      <c r="BC62" s="400"/>
      <c r="BD62" s="400"/>
      <c r="BE62" s="400"/>
      <c r="BF62" s="400"/>
      <c r="BG62" s="400"/>
      <c r="BH62" s="400"/>
      <c r="BI62" s="400"/>
      <c r="BJ62" s="400"/>
      <c r="BK62" s="400"/>
      <c r="BL62" s="400"/>
      <c r="BM62" s="400"/>
      <c r="BN62" s="400"/>
      <c r="BO62" s="400"/>
      <c r="BP62" s="400"/>
      <c r="BQ62" s="400"/>
      <c r="BR62" s="400"/>
      <c r="BS62" s="400"/>
      <c r="BT62" s="400"/>
      <c r="BU62" s="400"/>
      <c r="BV62" s="400"/>
      <c r="BW62" s="400"/>
      <c r="BX62" s="400"/>
      <c r="BY62" s="400"/>
      <c r="BZ62" s="400"/>
      <c r="CA62" s="400"/>
      <c r="CB62" s="400"/>
      <c r="CC62" s="400"/>
      <c r="CD62" s="400"/>
      <c r="CE62" s="400"/>
      <c r="CF62" s="400"/>
      <c r="CG62" s="400"/>
      <c r="CH62" s="400"/>
      <c r="CI62" s="400"/>
      <c r="CJ62" s="400"/>
      <c r="CK62" s="400"/>
      <c r="CL62" s="400"/>
      <c r="CM62" s="400"/>
      <c r="CN62" s="400"/>
      <c r="CO62" s="400"/>
      <c r="CP62" s="400"/>
      <c r="CQ62" s="400"/>
      <c r="CR62" s="400"/>
      <c r="CS62" s="400"/>
      <c r="CT62" s="400"/>
      <c r="CU62" s="400"/>
      <c r="CV62" s="400"/>
      <c r="CW62" s="400"/>
      <c r="CX62" s="400"/>
      <c r="CY62" s="400"/>
      <c r="CZ62" s="400"/>
      <c r="DA62" s="400"/>
      <c r="DB62" s="400"/>
      <c r="DC62" s="400"/>
      <c r="DD62" s="400"/>
      <c r="DE62" s="388"/>
    </row>
    <row r="63" spans="1:109" ht="16.2" x14ac:dyDescent="0.2">
      <c r="B63" s="414" t="s">
        <v>
595</v>
      </c>
    </row>
    <row r="64" spans="1:109" ht="13.2" x14ac:dyDescent="0.2">
      <c r="B64" s="395"/>
      <c r="G64" s="402"/>
      <c r="I64" s="415"/>
      <c r="J64" s="415"/>
      <c r="K64" s="415"/>
      <c r="L64" s="415"/>
      <c r="M64" s="415"/>
      <c r="N64" s="416"/>
      <c r="AM64" s="402"/>
      <c r="AN64" s="402" t="s">
        <v>
588</v>
      </c>
      <c r="AP64" s="403"/>
      <c r="AQ64" s="403"/>
      <c r="AR64" s="403"/>
      <c r="AY64" s="402"/>
      <c r="BA64" s="403"/>
      <c r="BB64" s="403"/>
      <c r="BC64" s="403"/>
      <c r="BK64" s="402"/>
      <c r="BM64" s="403"/>
      <c r="BN64" s="403"/>
      <c r="BO64" s="403"/>
      <c r="BW64" s="402"/>
      <c r="BY64" s="403"/>
      <c r="BZ64" s="403"/>
      <c r="CA64" s="403"/>
      <c r="CI64" s="402"/>
      <c r="CK64" s="403"/>
      <c r="CL64" s="403"/>
      <c r="CM64" s="403"/>
      <c r="CU64" s="402"/>
      <c r="CW64" s="403"/>
      <c r="CX64" s="403"/>
      <c r="CY64" s="403"/>
    </row>
    <row r="65" spans="2:107" ht="13.2" x14ac:dyDescent="0.2">
      <c r="B65" s="395"/>
      <c r="AN65" s="1317" t="s">
        <v>
596</v>
      </c>
      <c r="AO65" s="1318"/>
      <c r="AP65" s="1318"/>
      <c r="AQ65" s="1318"/>
      <c r="AR65" s="1318"/>
      <c r="AS65" s="1318"/>
      <c r="AT65" s="1318"/>
      <c r="AU65" s="1318"/>
      <c r="AV65" s="1318"/>
      <c r="AW65" s="1318"/>
      <c r="AX65" s="1318"/>
      <c r="AY65" s="1318"/>
      <c r="AZ65" s="1318"/>
      <c r="BA65" s="1318"/>
      <c r="BB65" s="1318"/>
      <c r="BC65" s="1318"/>
      <c r="BD65" s="1318"/>
      <c r="BE65" s="1318"/>
      <c r="BF65" s="1318"/>
      <c r="BG65" s="1318"/>
      <c r="BH65" s="1318"/>
      <c r="BI65" s="1318"/>
      <c r="BJ65" s="1318"/>
      <c r="BK65" s="1318"/>
      <c r="BL65" s="1318"/>
      <c r="BM65" s="1318"/>
      <c r="BN65" s="1318"/>
      <c r="BO65" s="1318"/>
      <c r="BP65" s="1318"/>
      <c r="BQ65" s="1318"/>
      <c r="BR65" s="1318"/>
      <c r="BS65" s="1318"/>
      <c r="BT65" s="1318"/>
      <c r="BU65" s="1318"/>
      <c r="BV65" s="1318"/>
      <c r="BW65" s="1318"/>
      <c r="BX65" s="1318"/>
      <c r="BY65" s="1318"/>
      <c r="BZ65" s="1318"/>
      <c r="CA65" s="1318"/>
      <c r="CB65" s="1318"/>
      <c r="CC65" s="1318"/>
      <c r="CD65" s="1318"/>
      <c r="CE65" s="1318"/>
      <c r="CF65" s="1318"/>
      <c r="CG65" s="1318"/>
      <c r="CH65" s="1318"/>
      <c r="CI65" s="1318"/>
      <c r="CJ65" s="1318"/>
      <c r="CK65" s="1318"/>
      <c r="CL65" s="1318"/>
      <c r="CM65" s="1318"/>
      <c r="CN65" s="1318"/>
      <c r="CO65" s="1318"/>
      <c r="CP65" s="1318"/>
      <c r="CQ65" s="1318"/>
      <c r="CR65" s="1318"/>
      <c r="CS65" s="1318"/>
      <c r="CT65" s="1318"/>
      <c r="CU65" s="1318"/>
      <c r="CV65" s="1318"/>
      <c r="CW65" s="1318"/>
      <c r="CX65" s="1318"/>
      <c r="CY65" s="1318"/>
      <c r="CZ65" s="1318"/>
      <c r="DA65" s="1318"/>
      <c r="DB65" s="1318"/>
      <c r="DC65" s="1319"/>
    </row>
    <row r="66" spans="2:107" ht="13.2" x14ac:dyDescent="0.2">
      <c r="B66" s="395"/>
      <c r="AN66" s="1320"/>
      <c r="AO66" s="1321"/>
      <c r="AP66" s="1321"/>
      <c r="AQ66" s="1321"/>
      <c r="AR66" s="1321"/>
      <c r="AS66" s="1321"/>
      <c r="AT66" s="1321"/>
      <c r="AU66" s="1321"/>
      <c r="AV66" s="1321"/>
      <c r="AW66" s="1321"/>
      <c r="AX66" s="1321"/>
      <c r="AY66" s="1321"/>
      <c r="AZ66" s="1321"/>
      <c r="BA66" s="1321"/>
      <c r="BB66" s="1321"/>
      <c r="BC66" s="1321"/>
      <c r="BD66" s="1321"/>
      <c r="BE66" s="1321"/>
      <c r="BF66" s="1321"/>
      <c r="BG66" s="1321"/>
      <c r="BH66" s="1321"/>
      <c r="BI66" s="1321"/>
      <c r="BJ66" s="1321"/>
      <c r="BK66" s="1321"/>
      <c r="BL66" s="1321"/>
      <c r="BM66" s="1321"/>
      <c r="BN66" s="1321"/>
      <c r="BO66" s="1321"/>
      <c r="BP66" s="1321"/>
      <c r="BQ66" s="1321"/>
      <c r="BR66" s="1321"/>
      <c r="BS66" s="1321"/>
      <c r="BT66" s="1321"/>
      <c r="BU66" s="1321"/>
      <c r="BV66" s="1321"/>
      <c r="BW66" s="1321"/>
      <c r="BX66" s="1321"/>
      <c r="BY66" s="1321"/>
      <c r="BZ66" s="1321"/>
      <c r="CA66" s="1321"/>
      <c r="CB66" s="1321"/>
      <c r="CC66" s="1321"/>
      <c r="CD66" s="1321"/>
      <c r="CE66" s="1321"/>
      <c r="CF66" s="1321"/>
      <c r="CG66" s="1321"/>
      <c r="CH66" s="1321"/>
      <c r="CI66" s="1321"/>
      <c r="CJ66" s="1321"/>
      <c r="CK66" s="1321"/>
      <c r="CL66" s="1321"/>
      <c r="CM66" s="1321"/>
      <c r="CN66" s="1321"/>
      <c r="CO66" s="1321"/>
      <c r="CP66" s="1321"/>
      <c r="CQ66" s="1321"/>
      <c r="CR66" s="1321"/>
      <c r="CS66" s="1321"/>
      <c r="CT66" s="1321"/>
      <c r="CU66" s="1321"/>
      <c r="CV66" s="1321"/>
      <c r="CW66" s="1321"/>
      <c r="CX66" s="1321"/>
      <c r="CY66" s="1321"/>
      <c r="CZ66" s="1321"/>
      <c r="DA66" s="1321"/>
      <c r="DB66" s="1321"/>
      <c r="DC66" s="1322"/>
    </row>
    <row r="67" spans="2:107" ht="13.2" x14ac:dyDescent="0.2">
      <c r="B67" s="395"/>
      <c r="AN67" s="1320"/>
      <c r="AO67" s="1321"/>
      <c r="AP67" s="1321"/>
      <c r="AQ67" s="1321"/>
      <c r="AR67" s="1321"/>
      <c r="AS67" s="1321"/>
      <c r="AT67" s="1321"/>
      <c r="AU67" s="1321"/>
      <c r="AV67" s="1321"/>
      <c r="AW67" s="1321"/>
      <c r="AX67" s="1321"/>
      <c r="AY67" s="1321"/>
      <c r="AZ67" s="1321"/>
      <c r="BA67" s="1321"/>
      <c r="BB67" s="1321"/>
      <c r="BC67" s="1321"/>
      <c r="BD67" s="1321"/>
      <c r="BE67" s="1321"/>
      <c r="BF67" s="1321"/>
      <c r="BG67" s="1321"/>
      <c r="BH67" s="1321"/>
      <c r="BI67" s="1321"/>
      <c r="BJ67" s="1321"/>
      <c r="BK67" s="1321"/>
      <c r="BL67" s="1321"/>
      <c r="BM67" s="1321"/>
      <c r="BN67" s="1321"/>
      <c r="BO67" s="1321"/>
      <c r="BP67" s="1321"/>
      <c r="BQ67" s="1321"/>
      <c r="BR67" s="1321"/>
      <c r="BS67" s="1321"/>
      <c r="BT67" s="1321"/>
      <c r="BU67" s="1321"/>
      <c r="BV67" s="1321"/>
      <c r="BW67" s="1321"/>
      <c r="BX67" s="1321"/>
      <c r="BY67" s="1321"/>
      <c r="BZ67" s="1321"/>
      <c r="CA67" s="1321"/>
      <c r="CB67" s="1321"/>
      <c r="CC67" s="1321"/>
      <c r="CD67" s="1321"/>
      <c r="CE67" s="1321"/>
      <c r="CF67" s="1321"/>
      <c r="CG67" s="1321"/>
      <c r="CH67" s="1321"/>
      <c r="CI67" s="1321"/>
      <c r="CJ67" s="1321"/>
      <c r="CK67" s="1321"/>
      <c r="CL67" s="1321"/>
      <c r="CM67" s="1321"/>
      <c r="CN67" s="1321"/>
      <c r="CO67" s="1321"/>
      <c r="CP67" s="1321"/>
      <c r="CQ67" s="1321"/>
      <c r="CR67" s="1321"/>
      <c r="CS67" s="1321"/>
      <c r="CT67" s="1321"/>
      <c r="CU67" s="1321"/>
      <c r="CV67" s="1321"/>
      <c r="CW67" s="1321"/>
      <c r="CX67" s="1321"/>
      <c r="CY67" s="1321"/>
      <c r="CZ67" s="1321"/>
      <c r="DA67" s="1321"/>
      <c r="DB67" s="1321"/>
      <c r="DC67" s="1322"/>
    </row>
    <row r="68" spans="2:107" ht="13.2" x14ac:dyDescent="0.2">
      <c r="B68" s="395"/>
      <c r="AN68" s="1320"/>
      <c r="AO68" s="1321"/>
      <c r="AP68" s="1321"/>
      <c r="AQ68" s="1321"/>
      <c r="AR68" s="1321"/>
      <c r="AS68" s="1321"/>
      <c r="AT68" s="1321"/>
      <c r="AU68" s="1321"/>
      <c r="AV68" s="1321"/>
      <c r="AW68" s="1321"/>
      <c r="AX68" s="1321"/>
      <c r="AY68" s="1321"/>
      <c r="AZ68" s="1321"/>
      <c r="BA68" s="1321"/>
      <c r="BB68" s="1321"/>
      <c r="BC68" s="1321"/>
      <c r="BD68" s="1321"/>
      <c r="BE68" s="1321"/>
      <c r="BF68" s="1321"/>
      <c r="BG68" s="1321"/>
      <c r="BH68" s="1321"/>
      <c r="BI68" s="1321"/>
      <c r="BJ68" s="1321"/>
      <c r="BK68" s="1321"/>
      <c r="BL68" s="1321"/>
      <c r="BM68" s="1321"/>
      <c r="BN68" s="1321"/>
      <c r="BO68" s="1321"/>
      <c r="BP68" s="1321"/>
      <c r="BQ68" s="1321"/>
      <c r="BR68" s="1321"/>
      <c r="BS68" s="1321"/>
      <c r="BT68" s="1321"/>
      <c r="BU68" s="1321"/>
      <c r="BV68" s="1321"/>
      <c r="BW68" s="1321"/>
      <c r="BX68" s="1321"/>
      <c r="BY68" s="1321"/>
      <c r="BZ68" s="1321"/>
      <c r="CA68" s="1321"/>
      <c r="CB68" s="1321"/>
      <c r="CC68" s="1321"/>
      <c r="CD68" s="1321"/>
      <c r="CE68" s="1321"/>
      <c r="CF68" s="1321"/>
      <c r="CG68" s="1321"/>
      <c r="CH68" s="1321"/>
      <c r="CI68" s="1321"/>
      <c r="CJ68" s="1321"/>
      <c r="CK68" s="1321"/>
      <c r="CL68" s="1321"/>
      <c r="CM68" s="1321"/>
      <c r="CN68" s="1321"/>
      <c r="CO68" s="1321"/>
      <c r="CP68" s="1321"/>
      <c r="CQ68" s="1321"/>
      <c r="CR68" s="1321"/>
      <c r="CS68" s="1321"/>
      <c r="CT68" s="1321"/>
      <c r="CU68" s="1321"/>
      <c r="CV68" s="1321"/>
      <c r="CW68" s="1321"/>
      <c r="CX68" s="1321"/>
      <c r="CY68" s="1321"/>
      <c r="CZ68" s="1321"/>
      <c r="DA68" s="1321"/>
      <c r="DB68" s="1321"/>
      <c r="DC68" s="1322"/>
    </row>
    <row r="69" spans="2:107" ht="13.2" x14ac:dyDescent="0.2">
      <c r="B69" s="395"/>
      <c r="AN69" s="1323"/>
      <c r="AO69" s="1324"/>
      <c r="AP69" s="1324"/>
      <c r="AQ69" s="1324"/>
      <c r="AR69" s="1324"/>
      <c r="AS69" s="1324"/>
      <c r="AT69" s="1324"/>
      <c r="AU69" s="1324"/>
      <c r="AV69" s="1324"/>
      <c r="AW69" s="1324"/>
      <c r="AX69" s="1324"/>
      <c r="AY69" s="1324"/>
      <c r="AZ69" s="1324"/>
      <c r="BA69" s="1324"/>
      <c r="BB69" s="1324"/>
      <c r="BC69" s="1324"/>
      <c r="BD69" s="1324"/>
      <c r="BE69" s="1324"/>
      <c r="BF69" s="1324"/>
      <c r="BG69" s="1324"/>
      <c r="BH69" s="1324"/>
      <c r="BI69" s="1324"/>
      <c r="BJ69" s="1324"/>
      <c r="BK69" s="1324"/>
      <c r="BL69" s="1324"/>
      <c r="BM69" s="1324"/>
      <c r="BN69" s="1324"/>
      <c r="BO69" s="1324"/>
      <c r="BP69" s="1324"/>
      <c r="BQ69" s="1324"/>
      <c r="BR69" s="1324"/>
      <c r="BS69" s="1324"/>
      <c r="BT69" s="1324"/>
      <c r="BU69" s="1324"/>
      <c r="BV69" s="1324"/>
      <c r="BW69" s="1324"/>
      <c r="BX69" s="1324"/>
      <c r="BY69" s="1324"/>
      <c r="BZ69" s="1324"/>
      <c r="CA69" s="1324"/>
      <c r="CB69" s="1324"/>
      <c r="CC69" s="1324"/>
      <c r="CD69" s="1324"/>
      <c r="CE69" s="1324"/>
      <c r="CF69" s="1324"/>
      <c r="CG69" s="1324"/>
      <c r="CH69" s="1324"/>
      <c r="CI69" s="1324"/>
      <c r="CJ69" s="1324"/>
      <c r="CK69" s="1324"/>
      <c r="CL69" s="1324"/>
      <c r="CM69" s="1324"/>
      <c r="CN69" s="1324"/>
      <c r="CO69" s="1324"/>
      <c r="CP69" s="1324"/>
      <c r="CQ69" s="1324"/>
      <c r="CR69" s="1324"/>
      <c r="CS69" s="1324"/>
      <c r="CT69" s="1324"/>
      <c r="CU69" s="1324"/>
      <c r="CV69" s="1324"/>
      <c r="CW69" s="1324"/>
      <c r="CX69" s="1324"/>
      <c r="CY69" s="1324"/>
      <c r="CZ69" s="1324"/>
      <c r="DA69" s="1324"/>
      <c r="DB69" s="1324"/>
      <c r="DC69" s="1325"/>
    </row>
    <row r="70" spans="2:107" ht="13.2" x14ac:dyDescent="0.2">
      <c r="B70" s="395"/>
      <c r="H70" s="417"/>
      <c r="I70" s="417"/>
      <c r="J70" s="418"/>
      <c r="K70" s="418"/>
      <c r="L70" s="419"/>
      <c r="M70" s="418"/>
      <c r="N70" s="419"/>
      <c r="AN70" s="404"/>
      <c r="AO70" s="404"/>
      <c r="AP70" s="404"/>
      <c r="AZ70" s="404"/>
      <c r="BA70" s="404"/>
      <c r="BB70" s="404"/>
      <c r="BL70" s="404"/>
      <c r="BM70" s="404"/>
      <c r="BN70" s="404"/>
      <c r="BX70" s="404"/>
      <c r="BY70" s="404"/>
      <c r="BZ70" s="404"/>
      <c r="CJ70" s="404"/>
      <c r="CK70" s="404"/>
      <c r="CL70" s="404"/>
      <c r="CV70" s="404"/>
      <c r="CW70" s="404"/>
      <c r="CX70" s="404"/>
    </row>
    <row r="71" spans="2:107" ht="13.2" x14ac:dyDescent="0.2">
      <c r="B71" s="395"/>
      <c r="G71" s="420"/>
      <c r="I71" s="421"/>
      <c r="J71" s="418"/>
      <c r="K71" s="418"/>
      <c r="L71" s="419"/>
      <c r="M71" s="418"/>
      <c r="N71" s="419"/>
      <c r="AM71" s="420"/>
      <c r="AN71" s="388" t="s">
        <v>
590</v>
      </c>
    </row>
    <row r="72" spans="2:107" ht="13.2" x14ac:dyDescent="0.2">
      <c r="B72" s="395"/>
      <c r="G72" s="1326"/>
      <c r="H72" s="1326"/>
      <c r="I72" s="1326"/>
      <c r="J72" s="1326"/>
      <c r="K72" s="405"/>
      <c r="L72" s="405"/>
      <c r="M72" s="406"/>
      <c r="N72" s="406"/>
      <c r="AN72" s="1327"/>
      <c r="AO72" s="1328"/>
      <c r="AP72" s="1328"/>
      <c r="AQ72" s="1328"/>
      <c r="AR72" s="1328"/>
      <c r="AS72" s="1328"/>
      <c r="AT72" s="1328"/>
      <c r="AU72" s="1328"/>
      <c r="AV72" s="1328"/>
      <c r="AW72" s="1328"/>
      <c r="AX72" s="1328"/>
      <c r="AY72" s="1328"/>
      <c r="AZ72" s="1328"/>
      <c r="BA72" s="1328"/>
      <c r="BB72" s="1328"/>
      <c r="BC72" s="1328"/>
      <c r="BD72" s="1328"/>
      <c r="BE72" s="1328"/>
      <c r="BF72" s="1328"/>
      <c r="BG72" s="1328"/>
      <c r="BH72" s="1328"/>
      <c r="BI72" s="1328"/>
      <c r="BJ72" s="1328"/>
      <c r="BK72" s="1328"/>
      <c r="BL72" s="1328"/>
      <c r="BM72" s="1328"/>
      <c r="BN72" s="1328"/>
      <c r="BO72" s="1329"/>
      <c r="BP72" s="1330" t="s">
        <v>
551</v>
      </c>
      <c r="BQ72" s="1330"/>
      <c r="BR72" s="1330"/>
      <c r="BS72" s="1330"/>
      <c r="BT72" s="1330"/>
      <c r="BU72" s="1330"/>
      <c r="BV72" s="1330"/>
      <c r="BW72" s="1330"/>
      <c r="BX72" s="1330" t="s">
        <v>
552</v>
      </c>
      <c r="BY72" s="1330"/>
      <c r="BZ72" s="1330"/>
      <c r="CA72" s="1330"/>
      <c r="CB72" s="1330"/>
      <c r="CC72" s="1330"/>
      <c r="CD72" s="1330"/>
      <c r="CE72" s="1330"/>
      <c r="CF72" s="1330" t="s">
        <v>
553</v>
      </c>
      <c r="CG72" s="1330"/>
      <c r="CH72" s="1330"/>
      <c r="CI72" s="1330"/>
      <c r="CJ72" s="1330"/>
      <c r="CK72" s="1330"/>
      <c r="CL72" s="1330"/>
      <c r="CM72" s="1330"/>
      <c r="CN72" s="1330" t="s">
        <v>
554</v>
      </c>
      <c r="CO72" s="1330"/>
      <c r="CP72" s="1330"/>
      <c r="CQ72" s="1330"/>
      <c r="CR72" s="1330"/>
      <c r="CS72" s="1330"/>
      <c r="CT72" s="1330"/>
      <c r="CU72" s="1330"/>
      <c r="CV72" s="1330" t="s">
        <v>
555</v>
      </c>
      <c r="CW72" s="1330"/>
      <c r="CX72" s="1330"/>
      <c r="CY72" s="1330"/>
      <c r="CZ72" s="1330"/>
      <c r="DA72" s="1330"/>
      <c r="DB72" s="1330"/>
      <c r="DC72" s="1330"/>
    </row>
    <row r="73" spans="2:107" ht="13.2" x14ac:dyDescent="0.2">
      <c r="B73" s="395"/>
      <c r="G73" s="1336"/>
      <c r="H73" s="1336"/>
      <c r="I73" s="1336"/>
      <c r="J73" s="1336"/>
      <c r="K73" s="1337"/>
      <c r="L73" s="1337"/>
      <c r="M73" s="1337"/>
      <c r="N73" s="1337"/>
      <c r="AM73" s="404"/>
      <c r="AN73" s="1333" t="s">
        <v>
591</v>
      </c>
      <c r="AO73" s="1333"/>
      <c r="AP73" s="1333"/>
      <c r="AQ73" s="1333"/>
      <c r="AR73" s="1333"/>
      <c r="AS73" s="1333"/>
      <c r="AT73" s="1333"/>
      <c r="AU73" s="1333"/>
      <c r="AV73" s="1333"/>
      <c r="AW73" s="1333"/>
      <c r="AX73" s="1333"/>
      <c r="AY73" s="1333"/>
      <c r="AZ73" s="1333"/>
      <c r="BA73" s="1333"/>
      <c r="BB73" s="1333" t="s">
        <v>
592</v>
      </c>
      <c r="BC73" s="1333"/>
      <c r="BD73" s="1333"/>
      <c r="BE73" s="1333"/>
      <c r="BF73" s="1333"/>
      <c r="BG73" s="1333"/>
      <c r="BH73" s="1333"/>
      <c r="BI73" s="1333"/>
      <c r="BJ73" s="1333"/>
      <c r="BK73" s="1333"/>
      <c r="BL73" s="1333"/>
      <c r="BM73" s="1333"/>
      <c r="BN73" s="1333"/>
      <c r="BO73" s="1333"/>
      <c r="BP73" s="1331"/>
      <c r="BQ73" s="1331"/>
      <c r="BR73" s="1331"/>
      <c r="BS73" s="1331"/>
      <c r="BT73" s="1331"/>
      <c r="BU73" s="1331"/>
      <c r="BV73" s="1331"/>
      <c r="BW73" s="1331"/>
      <c r="BX73" s="1331"/>
      <c r="BY73" s="1331"/>
      <c r="BZ73" s="1331"/>
      <c r="CA73" s="1331"/>
      <c r="CB73" s="1331"/>
      <c r="CC73" s="1331"/>
      <c r="CD73" s="1331"/>
      <c r="CE73" s="1331"/>
      <c r="CF73" s="1331"/>
      <c r="CG73" s="1331"/>
      <c r="CH73" s="1331"/>
      <c r="CI73" s="1331"/>
      <c r="CJ73" s="1331"/>
      <c r="CK73" s="1331"/>
      <c r="CL73" s="1331"/>
      <c r="CM73" s="1331"/>
      <c r="CN73" s="1331"/>
      <c r="CO73" s="1331"/>
      <c r="CP73" s="1331"/>
      <c r="CQ73" s="1331"/>
      <c r="CR73" s="1331"/>
      <c r="CS73" s="1331"/>
      <c r="CT73" s="1331"/>
      <c r="CU73" s="1331"/>
      <c r="CV73" s="1331"/>
      <c r="CW73" s="1331"/>
      <c r="CX73" s="1331"/>
      <c r="CY73" s="1331"/>
      <c r="CZ73" s="1331"/>
      <c r="DA73" s="1331"/>
      <c r="DB73" s="1331"/>
      <c r="DC73" s="1331"/>
    </row>
    <row r="74" spans="2:107" ht="13.2" x14ac:dyDescent="0.2">
      <c r="B74" s="395"/>
      <c r="G74" s="1336"/>
      <c r="H74" s="1336"/>
      <c r="I74" s="1336"/>
      <c r="J74" s="1336"/>
      <c r="K74" s="1337"/>
      <c r="L74" s="1337"/>
      <c r="M74" s="1337"/>
      <c r="N74" s="1337"/>
      <c r="AM74" s="404"/>
      <c r="AN74" s="1333"/>
      <c r="AO74" s="1333"/>
      <c r="AP74" s="1333"/>
      <c r="AQ74" s="1333"/>
      <c r="AR74" s="1333"/>
      <c r="AS74" s="1333"/>
      <c r="AT74" s="1333"/>
      <c r="AU74" s="1333"/>
      <c r="AV74" s="1333"/>
      <c r="AW74" s="1333"/>
      <c r="AX74" s="1333"/>
      <c r="AY74" s="1333"/>
      <c r="AZ74" s="1333"/>
      <c r="BA74" s="1333"/>
      <c r="BB74" s="1333"/>
      <c r="BC74" s="1333"/>
      <c r="BD74" s="1333"/>
      <c r="BE74" s="1333"/>
      <c r="BF74" s="1333"/>
      <c r="BG74" s="1333"/>
      <c r="BH74" s="1333"/>
      <c r="BI74" s="1333"/>
      <c r="BJ74" s="1333"/>
      <c r="BK74" s="1333"/>
      <c r="BL74" s="1333"/>
      <c r="BM74" s="1333"/>
      <c r="BN74" s="1333"/>
      <c r="BO74" s="1333"/>
      <c r="BP74" s="1331"/>
      <c r="BQ74" s="1331"/>
      <c r="BR74" s="1331"/>
      <c r="BS74" s="1331"/>
      <c r="BT74" s="1331"/>
      <c r="BU74" s="1331"/>
      <c r="BV74" s="1331"/>
      <c r="BW74" s="1331"/>
      <c r="BX74" s="1331"/>
      <c r="BY74" s="1331"/>
      <c r="BZ74" s="1331"/>
      <c r="CA74" s="1331"/>
      <c r="CB74" s="1331"/>
      <c r="CC74" s="1331"/>
      <c r="CD74" s="1331"/>
      <c r="CE74" s="1331"/>
      <c r="CF74" s="1331"/>
      <c r="CG74" s="1331"/>
      <c r="CH74" s="1331"/>
      <c r="CI74" s="1331"/>
      <c r="CJ74" s="1331"/>
      <c r="CK74" s="1331"/>
      <c r="CL74" s="1331"/>
      <c r="CM74" s="1331"/>
      <c r="CN74" s="1331"/>
      <c r="CO74" s="1331"/>
      <c r="CP74" s="1331"/>
      <c r="CQ74" s="1331"/>
      <c r="CR74" s="1331"/>
      <c r="CS74" s="1331"/>
      <c r="CT74" s="1331"/>
      <c r="CU74" s="1331"/>
      <c r="CV74" s="1331"/>
      <c r="CW74" s="1331"/>
      <c r="CX74" s="1331"/>
      <c r="CY74" s="1331"/>
      <c r="CZ74" s="1331"/>
      <c r="DA74" s="1331"/>
      <c r="DB74" s="1331"/>
      <c r="DC74" s="1331"/>
    </row>
    <row r="75" spans="2:107" ht="13.2" x14ac:dyDescent="0.2">
      <c r="B75" s="395"/>
      <c r="G75" s="1336"/>
      <c r="H75" s="1336"/>
      <c r="I75" s="1326"/>
      <c r="J75" s="1326"/>
      <c r="K75" s="1332"/>
      <c r="L75" s="1332"/>
      <c r="M75" s="1332"/>
      <c r="N75" s="1332"/>
      <c r="AM75" s="404"/>
      <c r="AN75" s="1333"/>
      <c r="AO75" s="1333"/>
      <c r="AP75" s="1333"/>
      <c r="AQ75" s="1333"/>
      <c r="AR75" s="1333"/>
      <c r="AS75" s="1333"/>
      <c r="AT75" s="1333"/>
      <c r="AU75" s="1333"/>
      <c r="AV75" s="1333"/>
      <c r="AW75" s="1333"/>
      <c r="AX75" s="1333"/>
      <c r="AY75" s="1333"/>
      <c r="AZ75" s="1333"/>
      <c r="BA75" s="1333"/>
      <c r="BB75" s="1333" t="s">
        <v>
597</v>
      </c>
      <c r="BC75" s="1333"/>
      <c r="BD75" s="1333"/>
      <c r="BE75" s="1333"/>
      <c r="BF75" s="1333"/>
      <c r="BG75" s="1333"/>
      <c r="BH75" s="1333"/>
      <c r="BI75" s="1333"/>
      <c r="BJ75" s="1333"/>
      <c r="BK75" s="1333"/>
      <c r="BL75" s="1333"/>
      <c r="BM75" s="1333"/>
      <c r="BN75" s="1333"/>
      <c r="BO75" s="1333"/>
      <c r="BP75" s="1331">
        <v>
-2.9</v>
      </c>
      <c r="BQ75" s="1331"/>
      <c r="BR75" s="1331"/>
      <c r="BS75" s="1331"/>
      <c r="BT75" s="1331"/>
      <c r="BU75" s="1331"/>
      <c r="BV75" s="1331"/>
      <c r="BW75" s="1331"/>
      <c r="BX75" s="1331">
        <v>
-3.4</v>
      </c>
      <c r="BY75" s="1331"/>
      <c r="BZ75" s="1331"/>
      <c r="CA75" s="1331"/>
      <c r="CB75" s="1331"/>
      <c r="CC75" s="1331"/>
      <c r="CD75" s="1331"/>
      <c r="CE75" s="1331"/>
      <c r="CF75" s="1331">
        <v>
-3.8</v>
      </c>
      <c r="CG75" s="1331"/>
      <c r="CH75" s="1331"/>
      <c r="CI75" s="1331"/>
      <c r="CJ75" s="1331"/>
      <c r="CK75" s="1331"/>
      <c r="CL75" s="1331"/>
      <c r="CM75" s="1331"/>
      <c r="CN75" s="1331">
        <v>
-3.8</v>
      </c>
      <c r="CO75" s="1331"/>
      <c r="CP75" s="1331"/>
      <c r="CQ75" s="1331"/>
      <c r="CR75" s="1331"/>
      <c r="CS75" s="1331"/>
      <c r="CT75" s="1331"/>
      <c r="CU75" s="1331"/>
      <c r="CV75" s="1331">
        <v>
-3.7</v>
      </c>
      <c r="CW75" s="1331"/>
      <c r="CX75" s="1331"/>
      <c r="CY75" s="1331"/>
      <c r="CZ75" s="1331"/>
      <c r="DA75" s="1331"/>
      <c r="DB75" s="1331"/>
      <c r="DC75" s="1331"/>
    </row>
    <row r="76" spans="2:107" ht="13.2" x14ac:dyDescent="0.2">
      <c r="B76" s="395"/>
      <c r="G76" s="1336"/>
      <c r="H76" s="1336"/>
      <c r="I76" s="1326"/>
      <c r="J76" s="1326"/>
      <c r="K76" s="1332"/>
      <c r="L76" s="1332"/>
      <c r="M76" s="1332"/>
      <c r="N76" s="1332"/>
      <c r="AM76" s="404"/>
      <c r="AN76" s="1333"/>
      <c r="AO76" s="1333"/>
      <c r="AP76" s="1333"/>
      <c r="AQ76" s="1333"/>
      <c r="AR76" s="1333"/>
      <c r="AS76" s="1333"/>
      <c r="AT76" s="1333"/>
      <c r="AU76" s="1333"/>
      <c r="AV76" s="1333"/>
      <c r="AW76" s="1333"/>
      <c r="AX76" s="1333"/>
      <c r="AY76" s="1333"/>
      <c r="AZ76" s="1333"/>
      <c r="BA76" s="1333"/>
      <c r="BB76" s="1333"/>
      <c r="BC76" s="1333"/>
      <c r="BD76" s="1333"/>
      <c r="BE76" s="1333"/>
      <c r="BF76" s="1333"/>
      <c r="BG76" s="1333"/>
      <c r="BH76" s="1333"/>
      <c r="BI76" s="1333"/>
      <c r="BJ76" s="1333"/>
      <c r="BK76" s="1333"/>
      <c r="BL76" s="1333"/>
      <c r="BM76" s="1333"/>
      <c r="BN76" s="1333"/>
      <c r="BO76" s="1333"/>
      <c r="BP76" s="1331"/>
      <c r="BQ76" s="1331"/>
      <c r="BR76" s="1331"/>
      <c r="BS76" s="1331"/>
      <c r="BT76" s="1331"/>
      <c r="BU76" s="1331"/>
      <c r="BV76" s="1331"/>
      <c r="BW76" s="1331"/>
      <c r="BX76" s="1331"/>
      <c r="BY76" s="1331"/>
      <c r="BZ76" s="1331"/>
      <c r="CA76" s="1331"/>
      <c r="CB76" s="1331"/>
      <c r="CC76" s="1331"/>
      <c r="CD76" s="1331"/>
      <c r="CE76" s="1331"/>
      <c r="CF76" s="1331"/>
      <c r="CG76" s="1331"/>
      <c r="CH76" s="1331"/>
      <c r="CI76" s="1331"/>
      <c r="CJ76" s="1331"/>
      <c r="CK76" s="1331"/>
      <c r="CL76" s="1331"/>
      <c r="CM76" s="1331"/>
      <c r="CN76" s="1331"/>
      <c r="CO76" s="1331"/>
      <c r="CP76" s="1331"/>
      <c r="CQ76" s="1331"/>
      <c r="CR76" s="1331"/>
      <c r="CS76" s="1331"/>
      <c r="CT76" s="1331"/>
      <c r="CU76" s="1331"/>
      <c r="CV76" s="1331"/>
      <c r="CW76" s="1331"/>
      <c r="CX76" s="1331"/>
      <c r="CY76" s="1331"/>
      <c r="CZ76" s="1331"/>
      <c r="DA76" s="1331"/>
      <c r="DB76" s="1331"/>
      <c r="DC76" s="1331"/>
    </row>
    <row r="77" spans="2:107" ht="13.2" x14ac:dyDescent="0.2">
      <c r="B77" s="395"/>
      <c r="G77" s="1326"/>
      <c r="H77" s="1326"/>
      <c r="I77" s="1326"/>
      <c r="J77" s="1326"/>
      <c r="K77" s="1337"/>
      <c r="L77" s="1337"/>
      <c r="M77" s="1337"/>
      <c r="N77" s="1337"/>
      <c r="AN77" s="1330" t="s">
        <v>
594</v>
      </c>
      <c r="AO77" s="1330"/>
      <c r="AP77" s="1330"/>
      <c r="AQ77" s="1330"/>
      <c r="AR77" s="1330"/>
      <c r="AS77" s="1330"/>
      <c r="AT77" s="1330"/>
      <c r="AU77" s="1330"/>
      <c r="AV77" s="1330"/>
      <c r="AW77" s="1330"/>
      <c r="AX77" s="1330"/>
      <c r="AY77" s="1330"/>
      <c r="AZ77" s="1330"/>
      <c r="BA77" s="1330"/>
      <c r="BB77" s="1333" t="s">
        <v>
592</v>
      </c>
      <c r="BC77" s="1333"/>
      <c r="BD77" s="1333"/>
      <c r="BE77" s="1333"/>
      <c r="BF77" s="1333"/>
      <c r="BG77" s="1333"/>
      <c r="BH77" s="1333"/>
      <c r="BI77" s="1333"/>
      <c r="BJ77" s="1333"/>
      <c r="BK77" s="1333"/>
      <c r="BL77" s="1333"/>
      <c r="BM77" s="1333"/>
      <c r="BN77" s="1333"/>
      <c r="BO77" s="1333"/>
      <c r="BP77" s="1331">
        <v>
0</v>
      </c>
      <c r="BQ77" s="1331"/>
      <c r="BR77" s="1331"/>
      <c r="BS77" s="1331"/>
      <c r="BT77" s="1331"/>
      <c r="BU77" s="1331"/>
      <c r="BV77" s="1331"/>
      <c r="BW77" s="1331"/>
      <c r="BX77" s="1331">
        <v>
0</v>
      </c>
      <c r="BY77" s="1331"/>
      <c r="BZ77" s="1331"/>
      <c r="CA77" s="1331"/>
      <c r="CB77" s="1331"/>
      <c r="CC77" s="1331"/>
      <c r="CD77" s="1331"/>
      <c r="CE77" s="1331"/>
      <c r="CF77" s="1331">
        <v>
0</v>
      </c>
      <c r="CG77" s="1331"/>
      <c r="CH77" s="1331"/>
      <c r="CI77" s="1331"/>
      <c r="CJ77" s="1331"/>
      <c r="CK77" s="1331"/>
      <c r="CL77" s="1331"/>
      <c r="CM77" s="1331"/>
      <c r="CN77" s="1331">
        <v>
0</v>
      </c>
      <c r="CO77" s="1331"/>
      <c r="CP77" s="1331"/>
      <c r="CQ77" s="1331"/>
      <c r="CR77" s="1331"/>
      <c r="CS77" s="1331"/>
      <c r="CT77" s="1331"/>
      <c r="CU77" s="1331"/>
      <c r="CV77" s="1331">
        <v>
0</v>
      </c>
      <c r="CW77" s="1331"/>
      <c r="CX77" s="1331"/>
      <c r="CY77" s="1331"/>
      <c r="CZ77" s="1331"/>
      <c r="DA77" s="1331"/>
      <c r="DB77" s="1331"/>
      <c r="DC77" s="1331"/>
    </row>
    <row r="78" spans="2:107" ht="13.2" x14ac:dyDescent="0.2">
      <c r="B78" s="395"/>
      <c r="G78" s="1326"/>
      <c r="H78" s="1326"/>
      <c r="I78" s="1326"/>
      <c r="J78" s="1326"/>
      <c r="K78" s="1337"/>
      <c r="L78" s="1337"/>
      <c r="M78" s="1337"/>
      <c r="N78" s="1337"/>
      <c r="AN78" s="1330"/>
      <c r="AO78" s="1330"/>
      <c r="AP78" s="1330"/>
      <c r="AQ78" s="1330"/>
      <c r="AR78" s="1330"/>
      <c r="AS78" s="1330"/>
      <c r="AT78" s="1330"/>
      <c r="AU78" s="1330"/>
      <c r="AV78" s="1330"/>
      <c r="AW78" s="1330"/>
      <c r="AX78" s="1330"/>
      <c r="AY78" s="1330"/>
      <c r="AZ78" s="1330"/>
      <c r="BA78" s="1330"/>
      <c r="BB78" s="1333"/>
      <c r="BC78" s="1333"/>
      <c r="BD78" s="1333"/>
      <c r="BE78" s="1333"/>
      <c r="BF78" s="1333"/>
      <c r="BG78" s="1333"/>
      <c r="BH78" s="1333"/>
      <c r="BI78" s="1333"/>
      <c r="BJ78" s="1333"/>
      <c r="BK78" s="1333"/>
      <c r="BL78" s="1333"/>
      <c r="BM78" s="1333"/>
      <c r="BN78" s="1333"/>
      <c r="BO78" s="1333"/>
      <c r="BP78" s="1331"/>
      <c r="BQ78" s="1331"/>
      <c r="BR78" s="1331"/>
      <c r="BS78" s="1331"/>
      <c r="BT78" s="1331"/>
      <c r="BU78" s="1331"/>
      <c r="BV78" s="1331"/>
      <c r="BW78" s="1331"/>
      <c r="BX78" s="1331"/>
      <c r="BY78" s="1331"/>
      <c r="BZ78" s="1331"/>
      <c r="CA78" s="1331"/>
      <c r="CB78" s="1331"/>
      <c r="CC78" s="1331"/>
      <c r="CD78" s="1331"/>
      <c r="CE78" s="1331"/>
      <c r="CF78" s="1331"/>
      <c r="CG78" s="1331"/>
      <c r="CH78" s="1331"/>
      <c r="CI78" s="1331"/>
      <c r="CJ78" s="1331"/>
      <c r="CK78" s="1331"/>
      <c r="CL78" s="1331"/>
      <c r="CM78" s="1331"/>
      <c r="CN78" s="1331"/>
      <c r="CO78" s="1331"/>
      <c r="CP78" s="1331"/>
      <c r="CQ78" s="1331"/>
      <c r="CR78" s="1331"/>
      <c r="CS78" s="1331"/>
      <c r="CT78" s="1331"/>
      <c r="CU78" s="1331"/>
      <c r="CV78" s="1331"/>
      <c r="CW78" s="1331"/>
      <c r="CX78" s="1331"/>
      <c r="CY78" s="1331"/>
      <c r="CZ78" s="1331"/>
      <c r="DA78" s="1331"/>
      <c r="DB78" s="1331"/>
      <c r="DC78" s="1331"/>
    </row>
    <row r="79" spans="2:107" ht="13.2" x14ac:dyDescent="0.2">
      <c r="B79" s="395"/>
      <c r="G79" s="1326"/>
      <c r="H79" s="1326"/>
      <c r="I79" s="1335"/>
      <c r="J79" s="1335"/>
      <c r="K79" s="1338"/>
      <c r="L79" s="1338"/>
      <c r="M79" s="1338"/>
      <c r="N79" s="1338"/>
      <c r="AN79" s="1330"/>
      <c r="AO79" s="1330"/>
      <c r="AP79" s="1330"/>
      <c r="AQ79" s="1330"/>
      <c r="AR79" s="1330"/>
      <c r="AS79" s="1330"/>
      <c r="AT79" s="1330"/>
      <c r="AU79" s="1330"/>
      <c r="AV79" s="1330"/>
      <c r="AW79" s="1330"/>
      <c r="AX79" s="1330"/>
      <c r="AY79" s="1330"/>
      <c r="AZ79" s="1330"/>
      <c r="BA79" s="1330"/>
      <c r="BB79" s="1333" t="s">
        <v>
597</v>
      </c>
      <c r="BC79" s="1333"/>
      <c r="BD79" s="1333"/>
      <c r="BE79" s="1333"/>
      <c r="BF79" s="1333"/>
      <c r="BG79" s="1333"/>
      <c r="BH79" s="1333"/>
      <c r="BI79" s="1333"/>
      <c r="BJ79" s="1333"/>
      <c r="BK79" s="1333"/>
      <c r="BL79" s="1333"/>
      <c r="BM79" s="1333"/>
      <c r="BN79" s="1333"/>
      <c r="BO79" s="1333"/>
      <c r="BP79" s="1331">
        <v>
-2.2999999999999998</v>
      </c>
      <c r="BQ79" s="1331"/>
      <c r="BR79" s="1331"/>
      <c r="BS79" s="1331"/>
      <c r="BT79" s="1331"/>
      <c r="BU79" s="1331"/>
      <c r="BV79" s="1331"/>
      <c r="BW79" s="1331"/>
      <c r="BX79" s="1331">
        <v>
-2.8</v>
      </c>
      <c r="BY79" s="1331"/>
      <c r="BZ79" s="1331"/>
      <c r="CA79" s="1331"/>
      <c r="CB79" s="1331"/>
      <c r="CC79" s="1331"/>
      <c r="CD79" s="1331"/>
      <c r="CE79" s="1331"/>
      <c r="CF79" s="1331">
        <v>
-3.2</v>
      </c>
      <c r="CG79" s="1331"/>
      <c r="CH79" s="1331"/>
      <c r="CI79" s="1331"/>
      <c r="CJ79" s="1331"/>
      <c r="CK79" s="1331"/>
      <c r="CL79" s="1331"/>
      <c r="CM79" s="1331"/>
      <c r="CN79" s="1331">
        <v>
-3.4</v>
      </c>
      <c r="CO79" s="1331"/>
      <c r="CP79" s="1331"/>
      <c r="CQ79" s="1331"/>
      <c r="CR79" s="1331"/>
      <c r="CS79" s="1331"/>
      <c r="CT79" s="1331"/>
      <c r="CU79" s="1331"/>
      <c r="CV79" s="1331">
        <v>
-3.5</v>
      </c>
      <c r="CW79" s="1331"/>
      <c r="CX79" s="1331"/>
      <c r="CY79" s="1331"/>
      <c r="CZ79" s="1331"/>
      <c r="DA79" s="1331"/>
      <c r="DB79" s="1331"/>
      <c r="DC79" s="1331"/>
    </row>
    <row r="80" spans="2:107" ht="13.2" x14ac:dyDescent="0.2">
      <c r="B80" s="395"/>
      <c r="G80" s="1326"/>
      <c r="H80" s="1326"/>
      <c r="I80" s="1335"/>
      <c r="J80" s="1335"/>
      <c r="K80" s="1338"/>
      <c r="L80" s="1338"/>
      <c r="M80" s="1338"/>
      <c r="N80" s="1338"/>
      <c r="AN80" s="1330"/>
      <c r="AO80" s="1330"/>
      <c r="AP80" s="1330"/>
      <c r="AQ80" s="1330"/>
      <c r="AR80" s="1330"/>
      <c r="AS80" s="1330"/>
      <c r="AT80" s="1330"/>
      <c r="AU80" s="1330"/>
      <c r="AV80" s="1330"/>
      <c r="AW80" s="1330"/>
      <c r="AX80" s="1330"/>
      <c r="AY80" s="1330"/>
      <c r="AZ80" s="1330"/>
      <c r="BA80" s="1330"/>
      <c r="BB80" s="1333"/>
      <c r="BC80" s="1333"/>
      <c r="BD80" s="1333"/>
      <c r="BE80" s="1333"/>
      <c r="BF80" s="1333"/>
      <c r="BG80" s="1333"/>
      <c r="BH80" s="1333"/>
      <c r="BI80" s="1333"/>
      <c r="BJ80" s="1333"/>
      <c r="BK80" s="1333"/>
      <c r="BL80" s="1333"/>
      <c r="BM80" s="1333"/>
      <c r="BN80" s="1333"/>
      <c r="BO80" s="1333"/>
      <c r="BP80" s="1331"/>
      <c r="BQ80" s="1331"/>
      <c r="BR80" s="1331"/>
      <c r="BS80" s="1331"/>
      <c r="BT80" s="1331"/>
      <c r="BU80" s="1331"/>
      <c r="BV80" s="1331"/>
      <c r="BW80" s="1331"/>
      <c r="BX80" s="1331"/>
      <c r="BY80" s="1331"/>
      <c r="BZ80" s="1331"/>
      <c r="CA80" s="1331"/>
      <c r="CB80" s="1331"/>
      <c r="CC80" s="1331"/>
      <c r="CD80" s="1331"/>
      <c r="CE80" s="1331"/>
      <c r="CF80" s="1331"/>
      <c r="CG80" s="1331"/>
      <c r="CH80" s="1331"/>
      <c r="CI80" s="1331"/>
      <c r="CJ80" s="1331"/>
      <c r="CK80" s="1331"/>
      <c r="CL80" s="1331"/>
      <c r="CM80" s="1331"/>
      <c r="CN80" s="1331"/>
      <c r="CO80" s="1331"/>
      <c r="CP80" s="1331"/>
      <c r="CQ80" s="1331"/>
      <c r="CR80" s="1331"/>
      <c r="CS80" s="1331"/>
      <c r="CT80" s="1331"/>
      <c r="CU80" s="1331"/>
      <c r="CV80" s="1331"/>
      <c r="CW80" s="1331"/>
      <c r="CX80" s="1331"/>
      <c r="CY80" s="1331"/>
      <c r="CZ80" s="1331"/>
      <c r="DA80" s="1331"/>
      <c r="DB80" s="1331"/>
      <c r="DC80" s="1331"/>
    </row>
    <row r="81" spans="2:109" ht="13.2" x14ac:dyDescent="0.2">
      <c r="B81" s="395"/>
    </row>
    <row r="82" spans="2:109" ht="16.2" x14ac:dyDescent="0.2">
      <c r="B82" s="395"/>
      <c r="K82" s="422"/>
      <c r="L82" s="422"/>
      <c r="M82" s="422"/>
      <c r="N82" s="422"/>
      <c r="AQ82" s="422"/>
      <c r="AR82" s="422"/>
      <c r="AS82" s="422"/>
      <c r="AT82" s="422"/>
      <c r="BC82" s="422"/>
      <c r="BD82" s="422"/>
      <c r="BE82" s="422"/>
      <c r="BF82" s="422"/>
      <c r="BO82" s="422"/>
      <c r="BP82" s="422"/>
      <c r="BQ82" s="422"/>
      <c r="BR82" s="422"/>
      <c r="CA82" s="422"/>
      <c r="CB82" s="422"/>
      <c r="CC82" s="422"/>
      <c r="CD82" s="422"/>
      <c r="CM82" s="422"/>
      <c r="CN82" s="422"/>
      <c r="CO82" s="422"/>
      <c r="CP82" s="422"/>
      <c r="CY82" s="422"/>
      <c r="CZ82" s="422"/>
      <c r="DA82" s="422"/>
      <c r="DB82" s="422"/>
      <c r="DC82" s="422"/>
    </row>
    <row r="83" spans="2:109" ht="13.2" x14ac:dyDescent="0.2">
      <c r="B83" s="397"/>
      <c r="C83" s="398"/>
      <c r="D83" s="398"/>
      <c r="E83" s="398"/>
      <c r="F83" s="398"/>
      <c r="G83" s="398"/>
      <c r="H83" s="398"/>
      <c r="I83" s="398"/>
      <c r="J83" s="398"/>
      <c r="K83" s="398"/>
      <c r="L83" s="398"/>
      <c r="M83" s="398"/>
      <c r="N83" s="398"/>
      <c r="O83" s="398"/>
      <c r="P83" s="398"/>
      <c r="Q83" s="398"/>
      <c r="R83" s="398"/>
      <c r="S83" s="398"/>
      <c r="T83" s="398"/>
      <c r="U83" s="398"/>
      <c r="V83" s="398"/>
      <c r="W83" s="398"/>
      <c r="X83" s="398"/>
      <c r="Y83" s="398"/>
      <c r="Z83" s="398"/>
      <c r="AA83" s="398"/>
      <c r="AB83" s="398"/>
      <c r="AC83" s="398"/>
      <c r="AD83" s="398"/>
      <c r="AE83" s="398"/>
      <c r="AF83" s="398"/>
      <c r="AG83" s="398"/>
      <c r="AH83" s="398"/>
      <c r="AI83" s="398"/>
      <c r="AJ83" s="398"/>
      <c r="AK83" s="398"/>
      <c r="AL83" s="398"/>
      <c r="AM83" s="398"/>
      <c r="AN83" s="398"/>
      <c r="AO83" s="398"/>
      <c r="AP83" s="398"/>
      <c r="AQ83" s="398"/>
      <c r="AR83" s="398"/>
      <c r="AS83" s="398"/>
      <c r="AT83" s="398"/>
      <c r="AU83" s="398"/>
      <c r="AV83" s="398"/>
      <c r="AW83" s="398"/>
      <c r="AX83" s="398"/>
      <c r="AY83" s="398"/>
      <c r="AZ83" s="398"/>
      <c r="BA83" s="398"/>
      <c r="BB83" s="398"/>
      <c r="BC83" s="398"/>
      <c r="BD83" s="398"/>
      <c r="BE83" s="398"/>
      <c r="BF83" s="398"/>
      <c r="BG83" s="398"/>
      <c r="BH83" s="398"/>
      <c r="BI83" s="398"/>
      <c r="BJ83" s="398"/>
      <c r="BK83" s="398"/>
      <c r="BL83" s="398"/>
      <c r="BM83" s="398"/>
      <c r="BN83" s="398"/>
      <c r="BO83" s="398"/>
      <c r="BP83" s="398"/>
      <c r="BQ83" s="398"/>
      <c r="BR83" s="398"/>
      <c r="BS83" s="398"/>
      <c r="BT83" s="398"/>
      <c r="BU83" s="398"/>
      <c r="BV83" s="398"/>
      <c r="BW83" s="398"/>
      <c r="BX83" s="398"/>
      <c r="BY83" s="398"/>
      <c r="BZ83" s="398"/>
      <c r="CA83" s="398"/>
      <c r="CB83" s="398"/>
      <c r="CC83" s="398"/>
      <c r="CD83" s="398"/>
      <c r="CE83" s="398"/>
      <c r="CF83" s="398"/>
      <c r="CG83" s="398"/>
      <c r="CH83" s="398"/>
      <c r="CI83" s="398"/>
      <c r="CJ83" s="398"/>
      <c r="CK83" s="398"/>
      <c r="CL83" s="398"/>
      <c r="CM83" s="398"/>
      <c r="CN83" s="398"/>
      <c r="CO83" s="398"/>
      <c r="CP83" s="398"/>
      <c r="CQ83" s="398"/>
      <c r="CR83" s="398"/>
      <c r="CS83" s="398"/>
      <c r="CT83" s="398"/>
      <c r="CU83" s="398"/>
      <c r="CV83" s="398"/>
      <c r="CW83" s="398"/>
      <c r="CX83" s="398"/>
      <c r="CY83" s="398"/>
      <c r="CZ83" s="398"/>
      <c r="DA83" s="398"/>
      <c r="DB83" s="398"/>
      <c r="DC83" s="398"/>
      <c r="DD83" s="399"/>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423"/>
      <c r="AQ87" s="423"/>
      <c r="BC87" s="423"/>
      <c r="BO87" s="423"/>
      <c r="CA87" s="423"/>
      <c r="CM87" s="423"/>
      <c r="CY87" s="423"/>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G50:J50"/>
    <mergeCell ref="AN50:BO50"/>
    <mergeCell ref="BP50:BW50"/>
    <mergeCell ref="BX50:CE50"/>
    <mergeCell ref="CF50:CM50"/>
    <mergeCell ref="CN50:CU50"/>
    <mergeCell ref="CV50:DC50"/>
    <mergeCell ref="CV51:DC52"/>
    <mergeCell ref="CN51:CU52"/>
  </mergeCells>
  <phoneticPr fontId="2"/>
  <pageMargins left="0.7" right="0.7" top="0.75" bottom="0.75" header="0.3" footer="0.3"/>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zoomScale="70" zoomScaleNormal="70" workbookViewId="0">
      <selection activeCell="CC21" sqref="CC21"/>
    </sheetView>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
498</v>
      </c>
    </row>
  </sheetData>
  <phoneticPr fontId="2"/>
  <pageMargins left="0.7" right="0.7" top="0.75" bottom="0.75" header="0.3" footer="0.3"/>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zoomScale="70" zoomScaleNormal="70" workbookViewId="0">
      <selection activeCell="BE20" sqref="BE20"/>
    </sheetView>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
498</v>
      </c>
    </row>
  </sheetData>
  <phoneticPr fontId="2"/>
  <pageMargins left="0.7" right="0.7" top="0.75" bottom="0.75" header="0.3" footer="0.3"/>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
52</v>
      </c>
      <c r="E2" s="155"/>
      <c r="F2" s="156" t="s">
        <v>
549</v>
      </c>
      <c r="G2" s="157"/>
      <c r="H2" s="158"/>
    </row>
    <row r="3" spans="1:8" x14ac:dyDescent="0.2">
      <c r="A3" s="154" t="s">
        <v>
542</v>
      </c>
      <c r="B3" s="159"/>
      <c r="C3" s="160"/>
      <c r="D3" s="161">
        <v>
43271</v>
      </c>
      <c r="E3" s="162"/>
      <c r="F3" s="163">
        <v>
43773</v>
      </c>
      <c r="G3" s="164"/>
      <c r="H3" s="165"/>
    </row>
    <row r="4" spans="1:8" x14ac:dyDescent="0.2">
      <c r="A4" s="166"/>
      <c r="B4" s="167"/>
      <c r="C4" s="168"/>
      <c r="D4" s="169">
        <v>
20800</v>
      </c>
      <c r="E4" s="170"/>
      <c r="F4" s="171">
        <v>
30346</v>
      </c>
      <c r="G4" s="172"/>
      <c r="H4" s="173"/>
    </row>
    <row r="5" spans="1:8" x14ac:dyDescent="0.2">
      <c r="A5" s="154" t="s">
        <v>
544</v>
      </c>
      <c r="B5" s="159"/>
      <c r="C5" s="160"/>
      <c r="D5" s="161">
        <v>
35306</v>
      </c>
      <c r="E5" s="162"/>
      <c r="F5" s="163">
        <v>
51565</v>
      </c>
      <c r="G5" s="164"/>
      <c r="H5" s="165"/>
    </row>
    <row r="6" spans="1:8" x14ac:dyDescent="0.2">
      <c r="A6" s="166"/>
      <c r="B6" s="167"/>
      <c r="C6" s="168"/>
      <c r="D6" s="169">
        <v>
24120</v>
      </c>
      <c r="E6" s="170"/>
      <c r="F6" s="171">
        <v>
35359</v>
      </c>
      <c r="G6" s="172"/>
      <c r="H6" s="173"/>
    </row>
    <row r="7" spans="1:8" x14ac:dyDescent="0.2">
      <c r="A7" s="154" t="s">
        <v>
545</v>
      </c>
      <c r="B7" s="159"/>
      <c r="C7" s="160"/>
      <c r="D7" s="161">
        <v>
26277</v>
      </c>
      <c r="E7" s="162"/>
      <c r="F7" s="163">
        <v>
46686</v>
      </c>
      <c r="G7" s="164"/>
      <c r="H7" s="165"/>
    </row>
    <row r="8" spans="1:8" x14ac:dyDescent="0.2">
      <c r="A8" s="166"/>
      <c r="B8" s="167"/>
      <c r="C8" s="168"/>
      <c r="D8" s="169">
        <v>
17537</v>
      </c>
      <c r="E8" s="170"/>
      <c r="F8" s="171">
        <v>
32595</v>
      </c>
      <c r="G8" s="172"/>
      <c r="H8" s="173"/>
    </row>
    <row r="9" spans="1:8" x14ac:dyDescent="0.2">
      <c r="A9" s="154" t="s">
        <v>
546</v>
      </c>
      <c r="B9" s="159"/>
      <c r="C9" s="160"/>
      <c r="D9" s="161">
        <v>
25924</v>
      </c>
      <c r="E9" s="162"/>
      <c r="F9" s="163">
        <v>
49796</v>
      </c>
      <c r="G9" s="164"/>
      <c r="H9" s="165"/>
    </row>
    <row r="10" spans="1:8" x14ac:dyDescent="0.2">
      <c r="A10" s="166"/>
      <c r="B10" s="167"/>
      <c r="C10" s="168"/>
      <c r="D10" s="169">
        <v>
19405</v>
      </c>
      <c r="E10" s="170"/>
      <c r="F10" s="171">
        <v>
37281</v>
      </c>
      <c r="G10" s="172"/>
      <c r="H10" s="173"/>
    </row>
    <row r="11" spans="1:8" x14ac:dyDescent="0.2">
      <c r="A11" s="154" t="s">
        <v>
547</v>
      </c>
      <c r="B11" s="159"/>
      <c r="C11" s="160"/>
      <c r="D11" s="161">
        <v>
29453</v>
      </c>
      <c r="E11" s="162"/>
      <c r="F11" s="163">
        <v>
51681</v>
      </c>
      <c r="G11" s="164"/>
      <c r="H11" s="165"/>
    </row>
    <row r="12" spans="1:8" x14ac:dyDescent="0.2">
      <c r="A12" s="166"/>
      <c r="B12" s="167"/>
      <c r="C12" s="174"/>
      <c r="D12" s="169">
        <v>
19742</v>
      </c>
      <c r="E12" s="170"/>
      <c r="F12" s="171">
        <v>
37226</v>
      </c>
      <c r="G12" s="172"/>
      <c r="H12" s="173"/>
    </row>
    <row r="13" spans="1:8" x14ac:dyDescent="0.2">
      <c r="A13" s="154"/>
      <c r="B13" s="159"/>
      <c r="C13" s="175"/>
      <c r="D13" s="176">
        <v>
32046</v>
      </c>
      <c r="E13" s="177"/>
      <c r="F13" s="178">
        <v>
48700</v>
      </c>
      <c r="G13" s="179"/>
      <c r="H13" s="165"/>
    </row>
    <row r="14" spans="1:8" x14ac:dyDescent="0.2">
      <c r="A14" s="166"/>
      <c r="B14" s="167"/>
      <c r="C14" s="168"/>
      <c r="D14" s="169">
        <v>
20321</v>
      </c>
      <c r="E14" s="170"/>
      <c r="F14" s="171">
        <v>
34561</v>
      </c>
      <c r="G14" s="172"/>
      <c r="H14" s="173"/>
    </row>
    <row r="17" spans="1:11" x14ac:dyDescent="0.2">
      <c r="A17" s="150" t="s">
        <v>
53</v>
      </c>
    </row>
    <row r="18" spans="1:11" x14ac:dyDescent="0.2">
      <c r="A18" s="180"/>
      <c r="B18" s="180" t="str">
        <f>
実質収支比率等に係る経年分析!F$46</f>
        <v>
H27</v>
      </c>
      <c r="C18" s="180" t="str">
        <f>
実質収支比率等に係る経年分析!G$46</f>
        <v>
H28</v>
      </c>
      <c r="D18" s="180" t="str">
        <f>
実質収支比率等に係る経年分析!H$46</f>
        <v>
H29</v>
      </c>
      <c r="E18" s="180" t="str">
        <f>
実質収支比率等に係る経年分析!I$46</f>
        <v>
H30</v>
      </c>
      <c r="F18" s="180" t="str">
        <f>
実質収支比率等に係る経年分析!J$46</f>
        <v>
R01</v>
      </c>
    </row>
    <row r="19" spans="1:11" x14ac:dyDescent="0.2">
      <c r="A19" s="180" t="s">
        <v>
54</v>
      </c>
      <c r="B19" s="180">
        <f>
ROUND(VALUE(SUBSTITUTE(実質収支比率等に係る経年分析!F$48,"▲","-")),2)</f>
        <v>
5.07</v>
      </c>
      <c r="C19" s="180">
        <f>
ROUND(VALUE(SUBSTITUTE(実質収支比率等に係る経年分析!G$48,"▲","-")),2)</f>
        <v>
4.09</v>
      </c>
      <c r="D19" s="180">
        <f>
ROUND(VALUE(SUBSTITUTE(実質収支比率等に係る経年分析!H$48,"▲","-")),2)</f>
        <v>
6.48</v>
      </c>
      <c r="E19" s="180">
        <f>
ROUND(VALUE(SUBSTITUTE(実質収支比率等に係る経年分析!I$48,"▲","-")),2)</f>
        <v>
4.49</v>
      </c>
      <c r="F19" s="180">
        <f>
ROUND(VALUE(SUBSTITUTE(実質収支比率等に係る経年分析!J$48,"▲","-")),2)</f>
        <v>
3.77</v>
      </c>
    </row>
    <row r="20" spans="1:11" x14ac:dyDescent="0.2">
      <c r="A20" s="180" t="s">
        <v>
55</v>
      </c>
      <c r="B20" s="180">
        <f>
ROUND(VALUE(SUBSTITUTE(実質収支比率等に係る経年分析!F$47,"▲","-")),2)</f>
        <v>
27.05</v>
      </c>
      <c r="C20" s="180">
        <f>
ROUND(VALUE(SUBSTITUTE(実質収支比率等に係る経年分析!G$47,"▲","-")),2)</f>
        <v>
29.4</v>
      </c>
      <c r="D20" s="180">
        <f>
ROUND(VALUE(SUBSTITUTE(実質収支比率等に係る経年分析!H$47,"▲","-")),2)</f>
        <v>
32.68</v>
      </c>
      <c r="E20" s="180">
        <f>
ROUND(VALUE(SUBSTITUTE(実質収支比率等に係る経年分析!I$47,"▲","-")),2)</f>
        <v>
34.96</v>
      </c>
      <c r="F20" s="180">
        <f>
ROUND(VALUE(SUBSTITUTE(実質収支比率等に係る経年分析!J$47,"▲","-")),2)</f>
        <v>
35.99</v>
      </c>
    </row>
    <row r="21" spans="1:11" x14ac:dyDescent="0.2">
      <c r="A21" s="180" t="s">
        <v>
56</v>
      </c>
      <c r="B21" s="180">
        <f>
IF(ISNUMBER(VALUE(SUBSTITUTE(実質収支比率等に係る経年分析!F$49,"▲","-"))),ROUND(VALUE(SUBSTITUTE(実質収支比率等に係る経年分析!F$49,"▲","-")),2),NA())</f>
        <v>
3.21</v>
      </c>
      <c r="C21" s="180">
        <f>
IF(ISNUMBER(VALUE(SUBSTITUTE(実質収支比率等に係る経年分析!G$49,"▲","-"))),ROUND(VALUE(SUBSTITUTE(実質収支比率等に係る経年分析!G$49,"▲","-")),2),NA())</f>
        <v>
2.0299999999999998</v>
      </c>
      <c r="D21" s="180">
        <f>
IF(ISNUMBER(VALUE(SUBSTITUTE(実質収支比率等に係る経年分析!H$49,"▲","-"))),ROUND(VALUE(SUBSTITUTE(実質収支比率等に係る経年分析!H$49,"▲","-")),2),NA())</f>
        <v>
4.8099999999999996</v>
      </c>
      <c r="E21" s="180">
        <f>
IF(ISNUMBER(VALUE(SUBSTITUTE(実質収支比率等に係る経年分析!I$49,"▲","-"))),ROUND(VALUE(SUBSTITUTE(実質収支比率等に係る経年分析!I$49,"▲","-")),2),NA())</f>
        <v>
1.81</v>
      </c>
      <c r="F21" s="180">
        <f>
IF(ISNUMBER(VALUE(SUBSTITUTE(実質収支比率等に係る経年分析!J$49,"▲","-"))),ROUND(VALUE(SUBSTITUTE(実質収支比率等に係る経年分析!J$49,"▲","-")),2),NA())</f>
        <v>
2.0299999999999998</v>
      </c>
    </row>
    <row r="24" spans="1:11" x14ac:dyDescent="0.2">
      <c r="A24" s="150" t="s">
        <v>
57</v>
      </c>
    </row>
    <row r="25" spans="1:11" x14ac:dyDescent="0.2">
      <c r="A25" s="181"/>
      <c r="B25" s="181" t="str">
        <f>
連結実質赤字比率に係る赤字・黒字の構成分析!F$33</f>
        <v>
H27</v>
      </c>
      <c r="C25" s="181"/>
      <c r="D25" s="181" t="str">
        <f>
連結実質赤字比率に係る赤字・黒字の構成分析!G$33</f>
        <v>
H28</v>
      </c>
      <c r="E25" s="181"/>
      <c r="F25" s="181" t="str">
        <f>
連結実質赤字比率に係る赤字・黒字の構成分析!H$33</f>
        <v>
H29</v>
      </c>
      <c r="G25" s="181"/>
      <c r="H25" s="181" t="str">
        <f>
連結実質赤字比率に係る赤字・黒字の構成分析!I$33</f>
        <v>
H30</v>
      </c>
      <c r="I25" s="181"/>
      <c r="J25" s="181" t="str">
        <f>
連結実質赤字比率に係る赤字・黒字の構成分析!J$33</f>
        <v>
R01</v>
      </c>
      <c r="K25" s="181"/>
    </row>
    <row r="26" spans="1:11" x14ac:dyDescent="0.2">
      <c r="A26" s="181"/>
      <c r="B26" s="181" t="s">
        <v>
58</v>
      </c>
      <c r="C26" s="181" t="s">
        <v>
59</v>
      </c>
      <c r="D26" s="181" t="s">
        <v>
58</v>
      </c>
      <c r="E26" s="181" t="s">
        <v>
59</v>
      </c>
      <c r="F26" s="181" t="s">
        <v>
58</v>
      </c>
      <c r="G26" s="181" t="s">
        <v>
59</v>
      </c>
      <c r="H26" s="181" t="s">
        <v>
58</v>
      </c>
      <c r="I26" s="181" t="s">
        <v>
59</v>
      </c>
      <c r="J26" s="181" t="s">
        <v>
58</v>
      </c>
      <c r="K26" s="181" t="s">
        <v>
59</v>
      </c>
    </row>
    <row r="27" spans="1:11" x14ac:dyDescent="0.2">
      <c r="A27" s="181" t="str">
        <f>
IF(連結実質赤字比率に係る赤字・黒字の構成分析!C$43="",NA(),連結実質赤字比率に係る赤字・黒字の構成分析!C$43)</f>
        <v>
その他会計（黒字）</v>
      </c>
      <c r="B27" s="181" t="e">
        <f>
IF(ROUND(VALUE(SUBSTITUTE(連結実質赤字比率に係る赤字・黒字の構成分析!F$43,"▲", "-")), 2) &lt; 0, ABS(ROUND(VALUE(SUBSTITUTE(連結実質赤字比率に係る赤字・黒字の構成分析!F$43,"▲", "-")), 2)), NA())</f>
        <v>
#VALUE!</v>
      </c>
      <c r="C27" s="181" t="e">
        <f>
IF(ROUND(VALUE(SUBSTITUTE(連結実質赤字比率に係る赤字・黒字の構成分析!F$43,"▲", "-")), 2) &gt;= 0, ABS(ROUND(VALUE(SUBSTITUTE(連結実質赤字比率に係る赤字・黒字の構成分析!F$43,"▲", "-")), 2)), NA())</f>
        <v>
#VALUE!</v>
      </c>
      <c r="D27" s="181" t="e">
        <f>
IF(ROUND(VALUE(SUBSTITUTE(連結実質赤字比率に係る赤字・黒字の構成分析!G$43,"▲", "-")), 2) &lt; 0, ABS(ROUND(VALUE(SUBSTITUTE(連結実質赤字比率に係る赤字・黒字の構成分析!G$43,"▲", "-")), 2)), NA())</f>
        <v>
#VALUE!</v>
      </c>
      <c r="E27" s="181" t="e">
        <f>
IF(ROUND(VALUE(SUBSTITUTE(連結実質赤字比率に係る赤字・黒字の構成分析!G$43,"▲", "-")), 2) &gt;= 0, ABS(ROUND(VALUE(SUBSTITUTE(連結実質赤字比率に係る赤字・黒字の構成分析!G$43,"▲", "-")), 2)), NA())</f>
        <v>
#VALUE!</v>
      </c>
      <c r="F27" s="181" t="e">
        <f>
IF(ROUND(VALUE(SUBSTITUTE(連結実質赤字比率に係る赤字・黒字の構成分析!H$43,"▲", "-")), 2) &lt; 0, ABS(ROUND(VALUE(SUBSTITUTE(連結実質赤字比率に係る赤字・黒字の構成分析!H$43,"▲", "-")), 2)), NA())</f>
        <v>
#VALUE!</v>
      </c>
      <c r="G27" s="181" t="e">
        <f>
IF(ROUND(VALUE(SUBSTITUTE(連結実質赤字比率に係る赤字・黒字の構成分析!H$43,"▲", "-")), 2) &gt;= 0, ABS(ROUND(VALUE(SUBSTITUTE(連結実質赤字比率に係る赤字・黒字の構成分析!H$43,"▲", "-")), 2)), NA())</f>
        <v>
#VALUE!</v>
      </c>
      <c r="H27" s="181" t="e">
        <f>
IF(ROUND(VALUE(SUBSTITUTE(連結実質赤字比率に係る赤字・黒字の構成分析!I$43,"▲", "-")), 2) &lt; 0, ABS(ROUND(VALUE(SUBSTITUTE(連結実質赤字比率に係る赤字・黒字の構成分析!I$43,"▲", "-")), 2)), NA())</f>
        <v>
#VALUE!</v>
      </c>
      <c r="I27" s="181" t="e">
        <f>
IF(ROUND(VALUE(SUBSTITUTE(連結実質赤字比率に係る赤字・黒字の構成分析!I$43,"▲", "-")), 2) &gt;= 0, ABS(ROUND(VALUE(SUBSTITUTE(連結実質赤字比率に係る赤字・黒字の構成分析!I$43,"▲", "-")), 2)), NA())</f>
        <v>
#VALUE!</v>
      </c>
      <c r="J27" s="181" t="e">
        <f>
IF(ROUND(VALUE(SUBSTITUTE(連結実質赤字比率に係る赤字・黒字の構成分析!J$43,"▲", "-")), 2) &lt; 0, ABS(ROUND(VALUE(SUBSTITUTE(連結実質赤字比率に係る赤字・黒字の構成分析!J$43,"▲", "-")), 2)), NA())</f>
        <v>
#VALUE!</v>
      </c>
      <c r="K27" s="181" t="e">
        <f>
IF(ROUND(VALUE(SUBSTITUTE(連結実質赤字比率に係る赤字・黒字の構成分析!J$43,"▲", "-")), 2) &gt;= 0, ABS(ROUND(VALUE(SUBSTITUTE(連結実質赤字比率に係る赤字・黒字の構成分析!J$43,"▲", "-")), 2)), NA())</f>
        <v>
#VALUE!</v>
      </c>
    </row>
    <row r="28" spans="1:11" x14ac:dyDescent="0.2">
      <c r="A28" s="181" t="str">
        <f>
IF(連結実質赤字比率に係る赤字・黒字の構成分析!C$42="",NA(),連結実質赤字比率に係る赤字・黒字の構成分析!C$42)</f>
        <v>
その他会計（赤字）</v>
      </c>
      <c r="B28" s="181" t="e">
        <f>
IF(ROUND(VALUE(SUBSTITUTE(連結実質赤字比率に係る赤字・黒字の構成分析!F$42,"▲", "-")), 2) &lt; 0, ABS(ROUND(VALUE(SUBSTITUTE(連結実質赤字比率に係る赤字・黒字の構成分析!F$42,"▲", "-")), 2)), NA())</f>
        <v>
#VALUE!</v>
      </c>
      <c r="C28" s="181" t="e">
        <f>
IF(ROUND(VALUE(SUBSTITUTE(連結実質赤字比率に係る赤字・黒字の構成分析!F$42,"▲", "-")), 2) &gt;= 0, ABS(ROUND(VALUE(SUBSTITUTE(連結実質赤字比率に係る赤字・黒字の構成分析!F$42,"▲", "-")), 2)), NA())</f>
        <v>
#VALUE!</v>
      </c>
      <c r="D28" s="181" t="e">
        <f>
IF(ROUND(VALUE(SUBSTITUTE(連結実質赤字比率に係る赤字・黒字の構成分析!G$42,"▲", "-")), 2) &lt; 0, ABS(ROUND(VALUE(SUBSTITUTE(連結実質赤字比率に係る赤字・黒字の構成分析!G$42,"▲", "-")), 2)), NA())</f>
        <v>
#VALUE!</v>
      </c>
      <c r="E28" s="181" t="e">
        <f>
IF(ROUND(VALUE(SUBSTITUTE(連結実質赤字比率に係る赤字・黒字の構成分析!G$42,"▲", "-")), 2) &gt;= 0, ABS(ROUND(VALUE(SUBSTITUTE(連結実質赤字比率に係る赤字・黒字の構成分析!G$42,"▲", "-")), 2)), NA())</f>
        <v>
#VALUE!</v>
      </c>
      <c r="F28" s="181" t="e">
        <f>
IF(ROUND(VALUE(SUBSTITUTE(連結実質赤字比率に係る赤字・黒字の構成分析!H$42,"▲", "-")), 2) &lt; 0, ABS(ROUND(VALUE(SUBSTITUTE(連結実質赤字比率に係る赤字・黒字の構成分析!H$42,"▲", "-")), 2)), NA())</f>
        <v>
#VALUE!</v>
      </c>
      <c r="G28" s="181" t="e">
        <f>
IF(ROUND(VALUE(SUBSTITUTE(連結実質赤字比率に係る赤字・黒字の構成分析!H$42,"▲", "-")), 2) &gt;= 0, ABS(ROUND(VALUE(SUBSTITUTE(連結実質赤字比率に係る赤字・黒字の構成分析!H$42,"▲", "-")), 2)), NA())</f>
        <v>
#VALUE!</v>
      </c>
      <c r="H28" s="181" t="e">
        <f>
IF(ROUND(VALUE(SUBSTITUTE(連結実質赤字比率に係る赤字・黒字の構成分析!I$42,"▲", "-")), 2) &lt; 0, ABS(ROUND(VALUE(SUBSTITUTE(連結実質赤字比率に係る赤字・黒字の構成分析!I$42,"▲", "-")), 2)), NA())</f>
        <v>
#VALUE!</v>
      </c>
      <c r="I28" s="181" t="e">
        <f>
IF(ROUND(VALUE(SUBSTITUTE(連結実質赤字比率に係る赤字・黒字の構成分析!I$42,"▲", "-")), 2) &gt;= 0, ABS(ROUND(VALUE(SUBSTITUTE(連結実質赤字比率に係る赤字・黒字の構成分析!I$42,"▲", "-")), 2)), NA())</f>
        <v>
#VALUE!</v>
      </c>
      <c r="J28" s="181" t="e">
        <f>
IF(ROUND(VALUE(SUBSTITUTE(連結実質赤字比率に係る赤字・黒字の構成分析!J$42,"▲", "-")), 2) &lt; 0, ABS(ROUND(VALUE(SUBSTITUTE(連結実質赤字比率に係る赤字・黒字の構成分析!J$42,"▲", "-")), 2)), NA())</f>
        <v>
#VALUE!</v>
      </c>
      <c r="K28" s="181" t="e">
        <f>
IF(ROUND(VALUE(SUBSTITUTE(連結実質赤字比率に係る赤字・黒字の構成分析!J$42,"▲", "-")), 2) &gt;= 0, ABS(ROUND(VALUE(SUBSTITUTE(連結実質赤字比率に係る赤字・黒字の構成分析!J$42,"▲", "-")), 2)), NA())</f>
        <v>
#VALUE!</v>
      </c>
    </row>
    <row r="29" spans="1:11" x14ac:dyDescent="0.2">
      <c r="A29" s="181" t="e">
        <f>
IF(連結実質赤字比率に係る赤字・黒字の構成分析!C$41="",NA(),連結実質赤字比率に係る赤字・黒字の構成分析!C$41)</f>
        <v>
#N/A</v>
      </c>
      <c r="B29" s="181" t="e">
        <f>
IF(ROUND(VALUE(SUBSTITUTE(連結実質赤字比率に係る赤字・黒字の構成分析!F$41,"▲", "-")), 2) &lt; 0, ABS(ROUND(VALUE(SUBSTITUTE(連結実質赤字比率に係る赤字・黒字の構成分析!F$41,"▲", "-")), 2)), NA())</f>
        <v>
#VALUE!</v>
      </c>
      <c r="C29" s="181" t="e">
        <f>
IF(ROUND(VALUE(SUBSTITUTE(連結実質赤字比率に係る赤字・黒字の構成分析!F$41,"▲", "-")), 2) &gt;= 0, ABS(ROUND(VALUE(SUBSTITUTE(連結実質赤字比率に係る赤字・黒字の構成分析!F$41,"▲", "-")), 2)), NA())</f>
        <v>
#VALUE!</v>
      </c>
      <c r="D29" s="181" t="e">
        <f>
IF(ROUND(VALUE(SUBSTITUTE(連結実質赤字比率に係る赤字・黒字の構成分析!G$41,"▲", "-")), 2) &lt; 0, ABS(ROUND(VALUE(SUBSTITUTE(連結実質赤字比率に係る赤字・黒字の構成分析!G$41,"▲", "-")), 2)), NA())</f>
        <v>
#VALUE!</v>
      </c>
      <c r="E29" s="181" t="e">
        <f>
IF(ROUND(VALUE(SUBSTITUTE(連結実質赤字比率に係る赤字・黒字の構成分析!G$41,"▲", "-")), 2) &gt;= 0, ABS(ROUND(VALUE(SUBSTITUTE(連結実質赤字比率に係る赤字・黒字の構成分析!G$41,"▲", "-")), 2)), NA())</f>
        <v>
#VALUE!</v>
      </c>
      <c r="F29" s="181" t="e">
        <f>
IF(ROUND(VALUE(SUBSTITUTE(連結実質赤字比率に係る赤字・黒字の構成分析!H$41,"▲", "-")), 2) &lt; 0, ABS(ROUND(VALUE(SUBSTITUTE(連結実質赤字比率に係る赤字・黒字の構成分析!H$41,"▲", "-")), 2)), NA())</f>
        <v>
#VALUE!</v>
      </c>
      <c r="G29" s="181" t="e">
        <f>
IF(ROUND(VALUE(SUBSTITUTE(連結実質赤字比率に係る赤字・黒字の構成分析!H$41,"▲", "-")), 2) &gt;= 0, ABS(ROUND(VALUE(SUBSTITUTE(連結実質赤字比率に係る赤字・黒字の構成分析!H$41,"▲", "-")), 2)), NA())</f>
        <v>
#VALUE!</v>
      </c>
      <c r="H29" s="181" t="e">
        <f>
IF(ROUND(VALUE(SUBSTITUTE(連結実質赤字比率に係る赤字・黒字の構成分析!I$41,"▲", "-")), 2) &lt; 0, ABS(ROUND(VALUE(SUBSTITUTE(連結実質赤字比率に係る赤字・黒字の構成分析!I$41,"▲", "-")), 2)), NA())</f>
        <v>
#VALUE!</v>
      </c>
      <c r="I29" s="181" t="e">
        <f>
IF(ROUND(VALUE(SUBSTITUTE(連結実質赤字比率に係る赤字・黒字の構成分析!I$41,"▲", "-")), 2) &gt;= 0, ABS(ROUND(VALUE(SUBSTITUTE(連結実質赤字比率に係る赤字・黒字の構成分析!I$41,"▲", "-")), 2)), NA())</f>
        <v>
#VALUE!</v>
      </c>
      <c r="J29" s="181" t="e">
        <f>
IF(ROUND(VALUE(SUBSTITUTE(連結実質赤字比率に係る赤字・黒字の構成分析!J$41,"▲", "-")), 2) &lt; 0, ABS(ROUND(VALUE(SUBSTITUTE(連結実質赤字比率に係る赤字・黒字の構成分析!J$41,"▲", "-")), 2)), NA())</f>
        <v>
#VALUE!</v>
      </c>
      <c r="K29" s="181" t="e">
        <f>
IF(ROUND(VALUE(SUBSTITUTE(連結実質赤字比率に係る赤字・黒字の構成分析!J$41,"▲", "-")), 2) &gt;= 0, ABS(ROUND(VALUE(SUBSTITUTE(連結実質赤字比率に係る赤字・黒字の構成分析!J$41,"▲", "-")), 2)), NA())</f>
        <v>
#VALUE!</v>
      </c>
    </row>
    <row r="30" spans="1:11" x14ac:dyDescent="0.2">
      <c r="A30" s="181" t="e">
        <f>
IF(連結実質赤字比率に係る赤字・黒字の構成分析!C$40="",NA(),連結実質赤字比率に係る赤字・黒字の構成分析!C$40)</f>
        <v>
#N/A</v>
      </c>
      <c r="B30" s="181" t="e">
        <f>
IF(ROUND(VALUE(SUBSTITUTE(連結実質赤字比率に係る赤字・黒字の構成分析!F$40,"▲", "-")), 2) &lt; 0, ABS(ROUND(VALUE(SUBSTITUTE(連結実質赤字比率に係る赤字・黒字の構成分析!F$40,"▲", "-")), 2)), NA())</f>
        <v>
#VALUE!</v>
      </c>
      <c r="C30" s="181" t="e">
        <f>
IF(ROUND(VALUE(SUBSTITUTE(連結実質赤字比率に係る赤字・黒字の構成分析!F$40,"▲", "-")), 2) &gt;= 0, ABS(ROUND(VALUE(SUBSTITUTE(連結実質赤字比率に係る赤字・黒字の構成分析!F$40,"▲", "-")), 2)), NA())</f>
        <v>
#VALUE!</v>
      </c>
      <c r="D30" s="181" t="e">
        <f>
IF(ROUND(VALUE(SUBSTITUTE(連結実質赤字比率に係る赤字・黒字の構成分析!G$40,"▲", "-")), 2) &lt; 0, ABS(ROUND(VALUE(SUBSTITUTE(連結実質赤字比率に係る赤字・黒字の構成分析!G$40,"▲", "-")), 2)), NA())</f>
        <v>
#VALUE!</v>
      </c>
      <c r="E30" s="181" t="e">
        <f>
IF(ROUND(VALUE(SUBSTITUTE(連結実質赤字比率に係る赤字・黒字の構成分析!G$40,"▲", "-")), 2) &gt;= 0, ABS(ROUND(VALUE(SUBSTITUTE(連結実質赤字比率に係る赤字・黒字の構成分析!G$40,"▲", "-")), 2)), NA())</f>
        <v>
#VALUE!</v>
      </c>
      <c r="F30" s="181" t="e">
        <f>
IF(ROUND(VALUE(SUBSTITUTE(連結実質赤字比率に係る赤字・黒字の構成分析!H$40,"▲", "-")), 2) &lt; 0, ABS(ROUND(VALUE(SUBSTITUTE(連結実質赤字比率に係る赤字・黒字の構成分析!H$40,"▲", "-")), 2)), NA())</f>
        <v>
#VALUE!</v>
      </c>
      <c r="G30" s="181" t="e">
        <f>
IF(ROUND(VALUE(SUBSTITUTE(連結実質赤字比率に係る赤字・黒字の構成分析!H$40,"▲", "-")), 2) &gt;= 0, ABS(ROUND(VALUE(SUBSTITUTE(連結実質赤字比率に係る赤字・黒字の構成分析!H$40,"▲", "-")), 2)), NA())</f>
        <v>
#VALUE!</v>
      </c>
      <c r="H30" s="181" t="e">
        <f>
IF(ROUND(VALUE(SUBSTITUTE(連結実質赤字比率に係る赤字・黒字の構成分析!I$40,"▲", "-")), 2) &lt; 0, ABS(ROUND(VALUE(SUBSTITUTE(連結実質赤字比率に係る赤字・黒字の構成分析!I$40,"▲", "-")), 2)), NA())</f>
        <v>
#VALUE!</v>
      </c>
      <c r="I30" s="181" t="e">
        <f>
IF(ROUND(VALUE(SUBSTITUTE(連結実質赤字比率に係る赤字・黒字の構成分析!I$40,"▲", "-")), 2) &gt;= 0, ABS(ROUND(VALUE(SUBSTITUTE(連結実質赤字比率に係る赤字・黒字の構成分析!I$40,"▲", "-")), 2)), NA())</f>
        <v>
#VALUE!</v>
      </c>
      <c r="J30" s="181" t="e">
        <f>
IF(ROUND(VALUE(SUBSTITUTE(連結実質赤字比率に係る赤字・黒字の構成分析!J$40,"▲", "-")), 2) &lt; 0, ABS(ROUND(VALUE(SUBSTITUTE(連結実質赤字比率に係る赤字・黒字の構成分析!J$40,"▲", "-")), 2)), NA())</f>
        <v>
#VALUE!</v>
      </c>
      <c r="K30" s="181" t="e">
        <f>
IF(ROUND(VALUE(SUBSTITUTE(連結実質赤字比率に係る赤字・黒字の構成分析!J$40,"▲", "-")), 2) &gt;= 0, ABS(ROUND(VALUE(SUBSTITUTE(連結実質赤字比率に係る赤字・黒字の構成分析!J$40,"▲", "-")), 2)), NA())</f>
        <v>
#VALUE!</v>
      </c>
    </row>
    <row r="31" spans="1:11" x14ac:dyDescent="0.2">
      <c r="A31" s="181" t="e">
        <f>
IF(連結実質赤字比率に係る赤字・黒字の構成分析!C$39="",NA(),連結実質赤字比率に係る赤字・黒字の構成分析!C$39)</f>
        <v>
#N/A</v>
      </c>
      <c r="B31" s="181" t="e">
        <f>
IF(ROUND(VALUE(SUBSTITUTE(連結実質赤字比率に係る赤字・黒字の構成分析!F$39,"▲", "-")), 2) &lt; 0, ABS(ROUND(VALUE(SUBSTITUTE(連結実質赤字比率に係る赤字・黒字の構成分析!F$39,"▲", "-")), 2)), NA())</f>
        <v>
#VALUE!</v>
      </c>
      <c r="C31" s="181" t="e">
        <f>
IF(ROUND(VALUE(SUBSTITUTE(連結実質赤字比率に係る赤字・黒字の構成分析!F$39,"▲", "-")), 2) &gt;= 0, ABS(ROUND(VALUE(SUBSTITUTE(連結実質赤字比率に係る赤字・黒字の構成分析!F$39,"▲", "-")), 2)), NA())</f>
        <v>
#VALUE!</v>
      </c>
      <c r="D31" s="181" t="e">
        <f>
IF(ROUND(VALUE(SUBSTITUTE(連結実質赤字比率に係る赤字・黒字の構成分析!G$39,"▲", "-")), 2) &lt; 0, ABS(ROUND(VALUE(SUBSTITUTE(連結実質赤字比率に係る赤字・黒字の構成分析!G$39,"▲", "-")), 2)), NA())</f>
        <v>
#VALUE!</v>
      </c>
      <c r="E31" s="181" t="e">
        <f>
IF(ROUND(VALUE(SUBSTITUTE(連結実質赤字比率に係る赤字・黒字の構成分析!G$39,"▲", "-")), 2) &gt;= 0, ABS(ROUND(VALUE(SUBSTITUTE(連結実質赤字比率に係る赤字・黒字の構成分析!G$39,"▲", "-")), 2)), NA())</f>
        <v>
#VALUE!</v>
      </c>
      <c r="F31" s="181" t="e">
        <f>
IF(ROUND(VALUE(SUBSTITUTE(連結実質赤字比率に係る赤字・黒字の構成分析!H$39,"▲", "-")), 2) &lt; 0, ABS(ROUND(VALUE(SUBSTITUTE(連結実質赤字比率に係る赤字・黒字の構成分析!H$39,"▲", "-")), 2)), NA())</f>
        <v>
#VALUE!</v>
      </c>
      <c r="G31" s="181" t="e">
        <f>
IF(ROUND(VALUE(SUBSTITUTE(連結実質赤字比率に係る赤字・黒字の構成分析!H$39,"▲", "-")), 2) &gt;= 0, ABS(ROUND(VALUE(SUBSTITUTE(連結実質赤字比率に係る赤字・黒字の構成分析!H$39,"▲", "-")), 2)), NA())</f>
        <v>
#VALUE!</v>
      </c>
      <c r="H31" s="181" t="e">
        <f>
IF(ROUND(VALUE(SUBSTITUTE(連結実質赤字比率に係る赤字・黒字の構成分析!I$39,"▲", "-")), 2) &lt; 0, ABS(ROUND(VALUE(SUBSTITUTE(連結実質赤字比率に係る赤字・黒字の構成分析!I$39,"▲", "-")), 2)), NA())</f>
        <v>
#VALUE!</v>
      </c>
      <c r="I31" s="181" t="e">
        <f>
IF(ROUND(VALUE(SUBSTITUTE(連結実質赤字比率に係る赤字・黒字の構成分析!I$39,"▲", "-")), 2) &gt;= 0, ABS(ROUND(VALUE(SUBSTITUTE(連結実質赤字比率に係る赤字・黒字の構成分析!I$39,"▲", "-")), 2)), NA())</f>
        <v>
#VALUE!</v>
      </c>
      <c r="J31" s="181" t="e">
        <f>
IF(ROUND(VALUE(SUBSTITUTE(連結実質赤字比率に係る赤字・黒字の構成分析!J$39,"▲", "-")), 2) &lt; 0, ABS(ROUND(VALUE(SUBSTITUTE(連結実質赤字比率に係る赤字・黒字の構成分析!J$39,"▲", "-")), 2)), NA())</f>
        <v>
#VALUE!</v>
      </c>
      <c r="K31" s="181" t="e">
        <f>
IF(ROUND(VALUE(SUBSTITUTE(連結実質赤字比率に係る赤字・黒字の構成分析!J$39,"▲", "-")), 2) &gt;= 0, ABS(ROUND(VALUE(SUBSTITUTE(連結実質赤字比率に係る赤字・黒字の構成分析!J$39,"▲", "-")), 2)), NA())</f>
        <v>
#VALUE!</v>
      </c>
    </row>
    <row r="32" spans="1:11" x14ac:dyDescent="0.2">
      <c r="A32" s="181" t="e">
        <f>
IF(連結実質赤字比率に係る赤字・黒字の構成分析!C$38="",NA(),連結実質赤字比率に係る赤字・黒字の構成分析!C$38)</f>
        <v>
#N/A</v>
      </c>
      <c r="B32" s="181" t="e">
        <f>
IF(ROUND(VALUE(SUBSTITUTE(連結実質赤字比率に係る赤字・黒字の構成分析!F$38,"▲", "-")), 2) &lt; 0, ABS(ROUND(VALUE(SUBSTITUTE(連結実質赤字比率に係る赤字・黒字の構成分析!F$38,"▲", "-")), 2)), NA())</f>
        <v>
#VALUE!</v>
      </c>
      <c r="C32" s="181" t="e">
        <f>
IF(ROUND(VALUE(SUBSTITUTE(連結実質赤字比率に係る赤字・黒字の構成分析!F$38,"▲", "-")), 2) &gt;= 0, ABS(ROUND(VALUE(SUBSTITUTE(連結実質赤字比率に係る赤字・黒字の構成分析!F$38,"▲", "-")), 2)), NA())</f>
        <v>
#VALUE!</v>
      </c>
      <c r="D32" s="181" t="e">
        <f>
IF(ROUND(VALUE(SUBSTITUTE(連結実質赤字比率に係る赤字・黒字の構成分析!G$38,"▲", "-")), 2) &lt; 0, ABS(ROUND(VALUE(SUBSTITUTE(連結実質赤字比率に係る赤字・黒字の構成分析!G$38,"▲", "-")), 2)), NA())</f>
        <v>
#VALUE!</v>
      </c>
      <c r="E32" s="181" t="e">
        <f>
IF(ROUND(VALUE(SUBSTITUTE(連結実質赤字比率に係る赤字・黒字の構成分析!G$38,"▲", "-")), 2) &gt;= 0, ABS(ROUND(VALUE(SUBSTITUTE(連結実質赤字比率に係る赤字・黒字の構成分析!G$38,"▲", "-")), 2)), NA())</f>
        <v>
#VALUE!</v>
      </c>
      <c r="F32" s="181" t="e">
        <f>
IF(ROUND(VALUE(SUBSTITUTE(連結実質赤字比率に係る赤字・黒字の構成分析!H$38,"▲", "-")), 2) &lt; 0, ABS(ROUND(VALUE(SUBSTITUTE(連結実質赤字比率に係る赤字・黒字の構成分析!H$38,"▲", "-")), 2)), NA())</f>
        <v>
#VALUE!</v>
      </c>
      <c r="G32" s="181" t="e">
        <f>
IF(ROUND(VALUE(SUBSTITUTE(連結実質赤字比率に係る赤字・黒字の構成分析!H$38,"▲", "-")), 2) &gt;= 0, ABS(ROUND(VALUE(SUBSTITUTE(連結実質赤字比率に係る赤字・黒字の構成分析!H$38,"▲", "-")), 2)), NA())</f>
        <v>
#VALUE!</v>
      </c>
      <c r="H32" s="181" t="e">
        <f>
IF(ROUND(VALUE(SUBSTITUTE(連結実質赤字比率に係る赤字・黒字の構成分析!I$38,"▲", "-")), 2) &lt; 0, ABS(ROUND(VALUE(SUBSTITUTE(連結実質赤字比率に係る赤字・黒字の構成分析!I$38,"▲", "-")), 2)), NA())</f>
        <v>
#VALUE!</v>
      </c>
      <c r="I32" s="181" t="e">
        <f>
IF(ROUND(VALUE(SUBSTITUTE(連結実質赤字比率に係る赤字・黒字の構成分析!I$38,"▲", "-")), 2) &gt;= 0, ABS(ROUND(VALUE(SUBSTITUTE(連結実質赤字比率に係る赤字・黒字の構成分析!I$38,"▲", "-")), 2)), NA())</f>
        <v>
#VALUE!</v>
      </c>
      <c r="J32" s="181" t="e">
        <f>
IF(ROUND(VALUE(SUBSTITUTE(連結実質赤字比率に係る赤字・黒字の構成分析!J$38,"▲", "-")), 2) &lt; 0, ABS(ROUND(VALUE(SUBSTITUTE(連結実質赤字比率に係る赤字・黒字の構成分析!J$38,"▲", "-")), 2)), NA())</f>
        <v>
#VALUE!</v>
      </c>
      <c r="K32" s="181" t="e">
        <f>
IF(ROUND(VALUE(SUBSTITUTE(連結実質赤字比率に係る赤字・黒字の構成分析!J$38,"▲", "-")), 2) &gt;= 0, ABS(ROUND(VALUE(SUBSTITUTE(連結実質赤字比率に係る赤字・黒字の構成分析!J$38,"▲", "-")), 2)), NA())</f>
        <v>
#VALUE!</v>
      </c>
    </row>
    <row r="33" spans="1:16" x14ac:dyDescent="0.2">
      <c r="A33" s="181" t="str">
        <f>
IF(連結実質赤字比率に係る赤字・黒字の構成分析!C$37="",NA(),連結実質赤字比率に係る赤字・黒字の構成分析!C$37)</f>
        <v>
後期高齢者医療特別会計</v>
      </c>
      <c r="B33" s="181" t="e">
        <f>
IF(ROUND(VALUE(SUBSTITUTE(連結実質赤字比率に係る赤字・黒字の構成分析!F$37,"▲", "-")), 2) &lt; 0, ABS(ROUND(VALUE(SUBSTITUTE(連結実質赤字比率に係る赤字・黒字の構成分析!F$37,"▲", "-")), 2)), NA())</f>
        <v>
#N/A</v>
      </c>
      <c r="C33" s="181">
        <f>
IF(ROUND(VALUE(SUBSTITUTE(連結実質赤字比率に係る赤字・黒字の構成分析!F$37,"▲", "-")), 2) &gt;= 0, ABS(ROUND(VALUE(SUBSTITUTE(連結実質赤字比率に係る赤字・黒字の構成分析!F$37,"▲", "-")), 2)), NA())</f>
        <v>
0.03</v>
      </c>
      <c r="D33" s="181" t="e">
        <f>
IF(ROUND(VALUE(SUBSTITUTE(連結実質赤字比率に係る赤字・黒字の構成分析!G$37,"▲", "-")), 2) &lt; 0, ABS(ROUND(VALUE(SUBSTITUTE(連結実質赤字比率に係る赤字・黒字の構成分析!G$37,"▲", "-")), 2)), NA())</f>
        <v>
#N/A</v>
      </c>
      <c r="E33" s="181">
        <f>
IF(ROUND(VALUE(SUBSTITUTE(連結実質赤字比率に係る赤字・黒字の構成分析!G$37,"▲", "-")), 2) &gt;= 0, ABS(ROUND(VALUE(SUBSTITUTE(連結実質赤字比率に係る赤字・黒字の構成分析!G$37,"▲", "-")), 2)), NA())</f>
        <v>
0.04</v>
      </c>
      <c r="F33" s="181" t="e">
        <f>
IF(ROUND(VALUE(SUBSTITUTE(連結実質赤字比率に係る赤字・黒字の構成分析!H$37,"▲", "-")), 2) &lt; 0, ABS(ROUND(VALUE(SUBSTITUTE(連結実質赤字比率に係る赤字・黒字の構成分析!H$37,"▲", "-")), 2)), NA())</f>
        <v>
#N/A</v>
      </c>
      <c r="G33" s="181">
        <f>
IF(ROUND(VALUE(SUBSTITUTE(連結実質赤字比率に係る赤字・黒字の構成分析!H$37,"▲", "-")), 2) &gt;= 0, ABS(ROUND(VALUE(SUBSTITUTE(連結実質赤字比率に係る赤字・黒字の構成分析!H$37,"▲", "-")), 2)), NA())</f>
        <v>
0.04</v>
      </c>
      <c r="H33" s="181" t="e">
        <f>
IF(ROUND(VALUE(SUBSTITUTE(連結実質赤字比率に係る赤字・黒字の構成分析!I$37,"▲", "-")), 2) &lt; 0, ABS(ROUND(VALUE(SUBSTITUTE(連結実質赤字比率に係る赤字・黒字の構成分析!I$37,"▲", "-")), 2)), NA())</f>
        <v>
#N/A</v>
      </c>
      <c r="I33" s="181">
        <f>
IF(ROUND(VALUE(SUBSTITUTE(連結実質赤字比率に係る赤字・黒字の構成分析!I$37,"▲", "-")), 2) &gt;= 0, ABS(ROUND(VALUE(SUBSTITUTE(連結実質赤字比率に係る赤字・黒字の構成分析!I$37,"▲", "-")), 2)), NA())</f>
        <v>
0.03</v>
      </c>
      <c r="J33" s="181" t="e">
        <f>
IF(ROUND(VALUE(SUBSTITUTE(連結実質赤字比率に係る赤字・黒字の構成分析!J$37,"▲", "-")), 2) &lt; 0, ABS(ROUND(VALUE(SUBSTITUTE(連結実質赤字比率に係る赤字・黒字の構成分析!J$37,"▲", "-")), 2)), NA())</f>
        <v>
#N/A</v>
      </c>
      <c r="K33" s="181">
        <f>
IF(ROUND(VALUE(SUBSTITUTE(連結実質赤字比率に係る赤字・黒字の構成分析!J$37,"▲", "-")), 2) &gt;= 0, ABS(ROUND(VALUE(SUBSTITUTE(連結実質赤字比率に係る赤字・黒字の構成分析!J$37,"▲", "-")), 2)), NA())</f>
        <v>
0.04</v>
      </c>
    </row>
    <row r="34" spans="1:16" x14ac:dyDescent="0.2">
      <c r="A34" s="181" t="str">
        <f>
IF(連結実質赤字比率に係る赤字・黒字の構成分析!C$36="",NA(),連結実質赤字比率に係る赤字・黒字の構成分析!C$36)</f>
        <v>
介護保険特別会計</v>
      </c>
      <c r="B34" s="181" t="e">
        <f>
IF(ROUND(VALUE(SUBSTITUTE(連結実質赤字比率に係る赤字・黒字の構成分析!F$36,"▲", "-")), 2) &lt; 0, ABS(ROUND(VALUE(SUBSTITUTE(連結実質赤字比率に係る赤字・黒字の構成分析!F$36,"▲", "-")), 2)), NA())</f>
        <v>
#N/A</v>
      </c>
      <c r="C34" s="181">
        <f>
IF(ROUND(VALUE(SUBSTITUTE(連結実質赤字比率に係る赤字・黒字の構成分析!F$36,"▲", "-")), 2) &gt;= 0, ABS(ROUND(VALUE(SUBSTITUTE(連結実質赤字比率に係る赤字・黒字の構成分析!F$36,"▲", "-")), 2)), NA())</f>
        <v>
0.48</v>
      </c>
      <c r="D34" s="181" t="e">
        <f>
IF(ROUND(VALUE(SUBSTITUTE(連結実質赤字比率に係る赤字・黒字の構成分析!G$36,"▲", "-")), 2) &lt; 0, ABS(ROUND(VALUE(SUBSTITUTE(連結実質赤字比率に係る赤字・黒字の構成分析!G$36,"▲", "-")), 2)), NA())</f>
        <v>
#N/A</v>
      </c>
      <c r="E34" s="181">
        <f>
IF(ROUND(VALUE(SUBSTITUTE(連結実質赤字比率に係る赤字・黒字の構成分析!G$36,"▲", "-")), 2) &gt;= 0, ABS(ROUND(VALUE(SUBSTITUTE(連結実質赤字比率に係る赤字・黒字の構成分析!G$36,"▲", "-")), 2)), NA())</f>
        <v>
1.1599999999999999</v>
      </c>
      <c r="F34" s="181" t="e">
        <f>
IF(ROUND(VALUE(SUBSTITUTE(連結実質赤字比率に係る赤字・黒字の構成分析!H$36,"▲", "-")), 2) &lt; 0, ABS(ROUND(VALUE(SUBSTITUTE(連結実質赤字比率に係る赤字・黒字の構成分析!H$36,"▲", "-")), 2)), NA())</f>
        <v>
#N/A</v>
      </c>
      <c r="G34" s="181">
        <f>
IF(ROUND(VALUE(SUBSTITUTE(連結実質赤字比率に係る赤字・黒字の構成分析!H$36,"▲", "-")), 2) &gt;= 0, ABS(ROUND(VALUE(SUBSTITUTE(連結実質赤字比率に係る赤字・黒字の構成分析!H$36,"▲", "-")), 2)), NA())</f>
        <v>
0.92</v>
      </c>
      <c r="H34" s="181" t="e">
        <f>
IF(ROUND(VALUE(SUBSTITUTE(連結実質赤字比率に係る赤字・黒字の構成分析!I$36,"▲", "-")), 2) &lt; 0, ABS(ROUND(VALUE(SUBSTITUTE(連結実質赤字比率に係る赤字・黒字の構成分析!I$36,"▲", "-")), 2)), NA())</f>
        <v>
#N/A</v>
      </c>
      <c r="I34" s="181">
        <f>
IF(ROUND(VALUE(SUBSTITUTE(連結実質赤字比率に係る赤字・黒字の構成分析!I$36,"▲", "-")), 2) &gt;= 0, ABS(ROUND(VALUE(SUBSTITUTE(連結実質赤字比率に係る赤字・黒字の構成分析!I$36,"▲", "-")), 2)), NA())</f>
        <v>
0.86</v>
      </c>
      <c r="J34" s="181" t="e">
        <f>
IF(ROUND(VALUE(SUBSTITUTE(連結実質赤字比率に係る赤字・黒字の構成分析!J$36,"▲", "-")), 2) &lt; 0, ABS(ROUND(VALUE(SUBSTITUTE(連結実質赤字比率に係る赤字・黒字の構成分析!J$36,"▲", "-")), 2)), NA())</f>
        <v>
#N/A</v>
      </c>
      <c r="K34" s="181">
        <f>
IF(ROUND(VALUE(SUBSTITUTE(連結実質赤字比率に係る赤字・黒字の構成分析!J$36,"▲", "-")), 2) &gt;= 0, ABS(ROUND(VALUE(SUBSTITUTE(連結実質赤字比率に係る赤字・黒字の構成分析!J$36,"▲", "-")), 2)), NA())</f>
        <v>
0.73</v>
      </c>
    </row>
    <row r="35" spans="1:16" x14ac:dyDescent="0.2">
      <c r="A35" s="181" t="str">
        <f>
IF(連結実質赤字比率に係る赤字・黒字の構成分析!C$35="",NA(),連結実質赤字比率に係る赤字・黒字の構成分析!C$35)</f>
        <v>
国民健康保険特別会計</v>
      </c>
      <c r="B35" s="181" t="e">
        <f>
IF(ROUND(VALUE(SUBSTITUTE(連結実質赤字比率に係る赤字・黒字の構成分析!F$35,"▲", "-")), 2) &lt; 0, ABS(ROUND(VALUE(SUBSTITUTE(連結実質赤字比率に係る赤字・黒字の構成分析!F$35,"▲", "-")), 2)), NA())</f>
        <v>
#N/A</v>
      </c>
      <c r="C35" s="181">
        <f>
IF(ROUND(VALUE(SUBSTITUTE(連結実質赤字比率に係る赤字・黒字の構成分析!F$35,"▲", "-")), 2) &gt;= 0, ABS(ROUND(VALUE(SUBSTITUTE(連結実質赤字比率に係る赤字・黒字の構成分析!F$35,"▲", "-")), 2)), NA())</f>
        <v>
0.64</v>
      </c>
      <c r="D35" s="181" t="e">
        <f>
IF(ROUND(VALUE(SUBSTITUTE(連結実質赤字比率に係る赤字・黒字の構成分析!G$35,"▲", "-")), 2) &lt; 0, ABS(ROUND(VALUE(SUBSTITUTE(連結実質赤字比率に係る赤字・黒字の構成分析!G$35,"▲", "-")), 2)), NA())</f>
        <v>
#N/A</v>
      </c>
      <c r="E35" s="181">
        <f>
IF(ROUND(VALUE(SUBSTITUTE(連結実質赤字比率に係る赤字・黒字の構成分析!G$35,"▲", "-")), 2) &gt;= 0, ABS(ROUND(VALUE(SUBSTITUTE(連結実質赤字比率に係る赤字・黒字の構成分析!G$35,"▲", "-")), 2)), NA())</f>
        <v>
0.62</v>
      </c>
      <c r="F35" s="181" t="e">
        <f>
IF(ROUND(VALUE(SUBSTITUTE(連結実質赤字比率に係る赤字・黒字の構成分析!H$35,"▲", "-")), 2) &lt; 0, ABS(ROUND(VALUE(SUBSTITUTE(連結実質赤字比率に係る赤字・黒字の構成分析!H$35,"▲", "-")), 2)), NA())</f>
        <v>
#N/A</v>
      </c>
      <c r="G35" s="181">
        <f>
IF(ROUND(VALUE(SUBSTITUTE(連結実質赤字比率に係る赤字・黒字の構成分析!H$35,"▲", "-")), 2) &gt;= 0, ABS(ROUND(VALUE(SUBSTITUTE(連結実質赤字比率に係る赤字・黒字の構成分析!H$35,"▲", "-")), 2)), NA())</f>
        <v>
1.05</v>
      </c>
      <c r="H35" s="181" t="e">
        <f>
IF(ROUND(VALUE(SUBSTITUTE(連結実質赤字比率に係る赤字・黒字の構成分析!I$35,"▲", "-")), 2) &lt; 0, ABS(ROUND(VALUE(SUBSTITUTE(連結実質赤字比率に係る赤字・黒字の構成分析!I$35,"▲", "-")), 2)), NA())</f>
        <v>
#N/A</v>
      </c>
      <c r="I35" s="181">
        <f>
IF(ROUND(VALUE(SUBSTITUTE(連結実質赤字比率に係る赤字・黒字の構成分析!I$35,"▲", "-")), 2) &gt;= 0, ABS(ROUND(VALUE(SUBSTITUTE(連結実質赤字比率に係る赤字・黒字の構成分析!I$35,"▲", "-")), 2)), NA())</f>
        <v>
0.4</v>
      </c>
      <c r="J35" s="181" t="e">
        <f>
IF(ROUND(VALUE(SUBSTITUTE(連結実質赤字比率に係る赤字・黒字の構成分析!J$35,"▲", "-")), 2) &lt; 0, ABS(ROUND(VALUE(SUBSTITUTE(連結実質赤字比率に係る赤字・黒字の構成分析!J$35,"▲", "-")), 2)), NA())</f>
        <v>
#N/A</v>
      </c>
      <c r="K35" s="181">
        <f>
IF(ROUND(VALUE(SUBSTITUTE(連結実質赤字比率に係る赤字・黒字の構成分析!J$35,"▲", "-")), 2) &gt;= 0, ABS(ROUND(VALUE(SUBSTITUTE(連結実質赤字比率に係る赤字・黒字の構成分析!J$35,"▲", "-")), 2)), NA())</f>
        <v>
0.77</v>
      </c>
    </row>
    <row r="36" spans="1:16" x14ac:dyDescent="0.2">
      <c r="A36" s="181" t="str">
        <f>
IF(連結実質赤字比率に係る赤字・黒字の構成分析!C$34="",NA(),連結実質赤字比率に係る赤字・黒字の構成分析!C$34)</f>
        <v>
一般会計</v>
      </c>
      <c r="B36" s="181" t="e">
        <f>
IF(ROUND(VALUE(SUBSTITUTE(連結実質赤字比率に係る赤字・黒字の構成分析!F$34,"▲", "-")), 2) &lt; 0, ABS(ROUND(VALUE(SUBSTITUTE(連結実質赤字比率に係る赤字・黒字の構成分析!F$34,"▲", "-")), 2)), NA())</f>
        <v>
#N/A</v>
      </c>
      <c r="C36" s="181">
        <f>
IF(ROUND(VALUE(SUBSTITUTE(連結実質赤字比率に係る赤字・黒字の構成分析!F$34,"▲", "-")), 2) &gt;= 0, ABS(ROUND(VALUE(SUBSTITUTE(連結実質赤字比率に係る赤字・黒字の構成分析!F$34,"▲", "-")), 2)), NA())</f>
        <v>
5.07</v>
      </c>
      <c r="D36" s="181" t="e">
        <f>
IF(ROUND(VALUE(SUBSTITUTE(連結実質赤字比率に係る赤字・黒字の構成分析!G$34,"▲", "-")), 2) &lt; 0, ABS(ROUND(VALUE(SUBSTITUTE(連結実質赤字比率に係る赤字・黒字の構成分析!G$34,"▲", "-")), 2)), NA())</f>
        <v>
#N/A</v>
      </c>
      <c r="E36" s="181">
        <f>
IF(ROUND(VALUE(SUBSTITUTE(連結実質赤字比率に係る赤字・黒字の構成分析!G$34,"▲", "-")), 2) &gt;= 0, ABS(ROUND(VALUE(SUBSTITUTE(連結実質赤字比率に係る赤字・黒字の構成分析!G$34,"▲", "-")), 2)), NA())</f>
        <v>
4.08</v>
      </c>
      <c r="F36" s="181" t="e">
        <f>
IF(ROUND(VALUE(SUBSTITUTE(連結実質赤字比率に係る赤字・黒字の構成分析!H$34,"▲", "-")), 2) &lt; 0, ABS(ROUND(VALUE(SUBSTITUTE(連結実質赤字比率に係る赤字・黒字の構成分析!H$34,"▲", "-")), 2)), NA())</f>
        <v>
#N/A</v>
      </c>
      <c r="G36" s="181">
        <f>
IF(ROUND(VALUE(SUBSTITUTE(連結実質赤字比率に係る赤字・黒字の構成分析!H$34,"▲", "-")), 2) &gt;= 0, ABS(ROUND(VALUE(SUBSTITUTE(連結実質赤字比率に係る赤字・黒字の構成分析!H$34,"▲", "-")), 2)), NA())</f>
        <v>
6.48</v>
      </c>
      <c r="H36" s="181" t="e">
        <f>
IF(ROUND(VALUE(SUBSTITUTE(連結実質赤字比率に係る赤字・黒字の構成分析!I$34,"▲", "-")), 2) &lt; 0, ABS(ROUND(VALUE(SUBSTITUTE(連結実質赤字比率に係る赤字・黒字の構成分析!I$34,"▲", "-")), 2)), NA())</f>
        <v>
#N/A</v>
      </c>
      <c r="I36" s="181">
        <f>
IF(ROUND(VALUE(SUBSTITUTE(連結実質赤字比率に係る赤字・黒字の構成分析!I$34,"▲", "-")), 2) &gt;= 0, ABS(ROUND(VALUE(SUBSTITUTE(連結実質赤字比率に係る赤字・黒字の構成分析!I$34,"▲", "-")), 2)), NA())</f>
        <v>
4.49</v>
      </c>
      <c r="J36" s="181" t="e">
        <f>
IF(ROUND(VALUE(SUBSTITUTE(連結実質赤字比率に係る赤字・黒字の構成分析!J$34,"▲", "-")), 2) &lt; 0, ABS(ROUND(VALUE(SUBSTITUTE(連結実質赤字比率に係る赤字・黒字の構成分析!J$34,"▲", "-")), 2)), NA())</f>
        <v>
#N/A</v>
      </c>
      <c r="K36" s="181">
        <f>
IF(ROUND(VALUE(SUBSTITUTE(連結実質赤字比率に係る赤字・黒字の構成分析!J$34,"▲", "-")), 2) &gt;= 0, ABS(ROUND(VALUE(SUBSTITUTE(連結実質赤字比率に係る赤字・黒字の構成分析!J$34,"▲", "-")), 2)), NA())</f>
        <v>
3.76</v>
      </c>
    </row>
    <row r="39" spans="1:16" x14ac:dyDescent="0.2">
      <c r="A39" s="150" t="s">
        <v>
60</v>
      </c>
    </row>
    <row r="40" spans="1:16" x14ac:dyDescent="0.2">
      <c r="A40" s="182"/>
      <c r="B40" s="182" t="str">
        <f>
'実質公債費比率（分子）の構造'!K$44</f>
        <v>
H27</v>
      </c>
      <c r="C40" s="182"/>
      <c r="D40" s="182"/>
      <c r="E40" s="182" t="str">
        <f>
'実質公債費比率（分子）の構造'!L$44</f>
        <v>
H28</v>
      </c>
      <c r="F40" s="182"/>
      <c r="G40" s="182"/>
      <c r="H40" s="182" t="str">
        <f>
'実質公債費比率（分子）の構造'!M$44</f>
        <v>
H29</v>
      </c>
      <c r="I40" s="182"/>
      <c r="J40" s="182"/>
      <c r="K40" s="182" t="str">
        <f>
'実質公債費比率（分子）の構造'!N$44</f>
        <v>
H30</v>
      </c>
      <c r="L40" s="182"/>
      <c r="M40" s="182"/>
      <c r="N40" s="182" t="str">
        <f>
'実質公債費比率（分子）の構造'!O$44</f>
        <v>
R01</v>
      </c>
      <c r="O40" s="182"/>
      <c r="P40" s="182"/>
    </row>
    <row r="41" spans="1:16" x14ac:dyDescent="0.2">
      <c r="A41" s="182"/>
      <c r="B41" s="182" t="s">
        <v>
61</v>
      </c>
      <c r="C41" s="182"/>
      <c r="D41" s="182" t="s">
        <v>
62</v>
      </c>
      <c r="E41" s="182" t="s">
        <v>
61</v>
      </c>
      <c r="F41" s="182"/>
      <c r="G41" s="182" t="s">
        <v>
62</v>
      </c>
      <c r="H41" s="182" t="s">
        <v>
61</v>
      </c>
      <c r="I41" s="182"/>
      <c r="J41" s="182" t="s">
        <v>
62</v>
      </c>
      <c r="K41" s="182" t="s">
        <v>
61</v>
      </c>
      <c r="L41" s="182"/>
      <c r="M41" s="182" t="s">
        <v>
62</v>
      </c>
      <c r="N41" s="182" t="s">
        <v>
61</v>
      </c>
      <c r="O41" s="182"/>
      <c r="P41" s="182" t="s">
        <v>
62</v>
      </c>
    </row>
    <row r="42" spans="1:16" x14ac:dyDescent="0.2">
      <c r="A42" s="182" t="s">
        <v>
63</v>
      </c>
      <c r="B42" s="182"/>
      <c r="C42" s="182"/>
      <c r="D42" s="182">
        <f>
'実質公債費比率（分子）の構造'!K$52</f>
        <v>
6119</v>
      </c>
      <c r="E42" s="182"/>
      <c r="F42" s="182"/>
      <c r="G42" s="182">
        <f>
'実質公債費比率（分子）の構造'!L$52</f>
        <v>
6012</v>
      </c>
      <c r="H42" s="182"/>
      <c r="I42" s="182"/>
      <c r="J42" s="182">
        <f>
'実質公債費比率（分子）の構造'!M$52</f>
        <v>
5762</v>
      </c>
      <c r="K42" s="182"/>
      <c r="L42" s="182"/>
      <c r="M42" s="182">
        <f>
'実質公債費比率（分子）の構造'!N$52</f>
        <v>
5573</v>
      </c>
      <c r="N42" s="182"/>
      <c r="O42" s="182"/>
      <c r="P42" s="182">
        <f>
'実質公債費比率（分子）の構造'!O$52</f>
        <v>
5547</v>
      </c>
    </row>
    <row r="43" spans="1:16" x14ac:dyDescent="0.2">
      <c r="A43" s="182" t="s">
        <v>
64</v>
      </c>
      <c r="B43" s="182" t="str">
        <f>
'実質公債費比率（分子）の構造'!K$51</f>
        <v>
-</v>
      </c>
      <c r="C43" s="182"/>
      <c r="D43" s="182"/>
      <c r="E43" s="182" t="str">
        <f>
'実質公債費比率（分子）の構造'!L$51</f>
        <v>
-</v>
      </c>
      <c r="F43" s="182"/>
      <c r="G43" s="182"/>
      <c r="H43" s="182" t="str">
        <f>
'実質公債費比率（分子）の構造'!M$51</f>
        <v>
-</v>
      </c>
      <c r="I43" s="182"/>
      <c r="J43" s="182"/>
      <c r="K43" s="182" t="str">
        <f>
'実質公債費比率（分子）の構造'!N$51</f>
        <v>
-</v>
      </c>
      <c r="L43" s="182"/>
      <c r="M43" s="182"/>
      <c r="N43" s="182" t="str">
        <f>
'実質公債費比率（分子）の構造'!O$51</f>
        <v>
-</v>
      </c>
      <c r="O43" s="182"/>
      <c r="P43" s="182"/>
    </row>
    <row r="44" spans="1:16" x14ac:dyDescent="0.2">
      <c r="A44" s="182" t="s">
        <v>
65</v>
      </c>
      <c r="B44" s="182">
        <f>
'実質公債費比率（分子）の構造'!K$50</f>
        <v>
333</v>
      </c>
      <c r="C44" s="182"/>
      <c r="D44" s="182"/>
      <c r="E44" s="182">
        <f>
'実質公債費比率（分子）の構造'!L$50</f>
        <v>
272</v>
      </c>
      <c r="F44" s="182"/>
      <c r="G44" s="182"/>
      <c r="H44" s="182">
        <f>
'実質公債費比率（分子）の構造'!M$50</f>
        <v>
248</v>
      </c>
      <c r="I44" s="182"/>
      <c r="J44" s="182"/>
      <c r="K44" s="182">
        <f>
'実質公債費比率（分子）の構造'!N$50</f>
        <v>
221</v>
      </c>
      <c r="L44" s="182"/>
      <c r="M44" s="182"/>
      <c r="N44" s="182">
        <f>
'実質公債費比率（分子）の構造'!O$50</f>
        <v>
199</v>
      </c>
      <c r="O44" s="182"/>
      <c r="P44" s="182"/>
    </row>
    <row r="45" spans="1:16" x14ac:dyDescent="0.2">
      <c r="A45" s="182" t="s">
        <v>
66</v>
      </c>
      <c r="B45" s="182">
        <f>
'実質公債費比率（分子）の構造'!K$49</f>
        <v>
202</v>
      </c>
      <c r="C45" s="182"/>
      <c r="D45" s="182"/>
      <c r="E45" s="182">
        <f>
'実質公債費比率（分子）の構造'!L$49</f>
        <v>
123</v>
      </c>
      <c r="F45" s="182"/>
      <c r="G45" s="182"/>
      <c r="H45" s="182">
        <f>
'実質公債費比率（分子）の構造'!M$49</f>
        <v>
107</v>
      </c>
      <c r="I45" s="182"/>
      <c r="J45" s="182"/>
      <c r="K45" s="182">
        <f>
'実質公債費比率（分子）の構造'!N$49</f>
        <v>
119</v>
      </c>
      <c r="L45" s="182"/>
      <c r="M45" s="182"/>
      <c r="N45" s="182">
        <f>
'実質公債費比率（分子）の構造'!O$49</f>
        <v>
124</v>
      </c>
      <c r="O45" s="182"/>
      <c r="P45" s="182"/>
    </row>
    <row r="46" spans="1:16" x14ac:dyDescent="0.2">
      <c r="A46" s="182" t="s">
        <v>
67</v>
      </c>
      <c r="B46" s="182" t="str">
        <f>
'実質公債費比率（分子）の構造'!K$48</f>
        <v>
-</v>
      </c>
      <c r="C46" s="182"/>
      <c r="D46" s="182"/>
      <c r="E46" s="182" t="str">
        <f>
'実質公債費比率（分子）の構造'!L$48</f>
        <v>
-</v>
      </c>
      <c r="F46" s="182"/>
      <c r="G46" s="182"/>
      <c r="H46" s="182" t="str">
        <f>
'実質公債費比率（分子）の構造'!M$48</f>
        <v>
-</v>
      </c>
      <c r="I46" s="182"/>
      <c r="J46" s="182"/>
      <c r="K46" s="182" t="str">
        <f>
'実質公債費比率（分子）の構造'!N$48</f>
        <v>
-</v>
      </c>
      <c r="L46" s="182"/>
      <c r="M46" s="182"/>
      <c r="N46" s="182" t="str">
        <f>
'実質公債費比率（分子）の構造'!O$48</f>
        <v>
-</v>
      </c>
      <c r="O46" s="182"/>
      <c r="P46" s="182"/>
    </row>
    <row r="47" spans="1:16" x14ac:dyDescent="0.2">
      <c r="A47" s="182" t="s">
        <v>
68</v>
      </c>
      <c r="B47" s="182">
        <f>
'実質公債費比率（分子）の構造'!K$47</f>
        <v>
14</v>
      </c>
      <c r="C47" s="182"/>
      <c r="D47" s="182"/>
      <c r="E47" s="182">
        <f>
'実質公債費比率（分子）の構造'!L$47</f>
        <v>
14</v>
      </c>
      <c r="F47" s="182"/>
      <c r="G47" s="182"/>
      <c r="H47" s="182">
        <f>
'実質公債費比率（分子）の構造'!M$47</f>
        <v>
25</v>
      </c>
      <c r="I47" s="182"/>
      <c r="J47" s="182"/>
      <c r="K47" s="182">
        <f>
'実質公債費比率（分子）の構造'!N$47</f>
        <v>
33</v>
      </c>
      <c r="L47" s="182"/>
      <c r="M47" s="182"/>
      <c r="N47" s="182">
        <f>
'実質公債費比率（分子）の構造'!O$47</f>
        <v>
51</v>
      </c>
      <c r="O47" s="182"/>
      <c r="P47" s="182"/>
    </row>
    <row r="48" spans="1:16" x14ac:dyDescent="0.2">
      <c r="A48" s="182" t="s">
        <v>
69</v>
      </c>
      <c r="B48" s="182" t="str">
        <f>
'実質公債費比率（分子）の構造'!K$46</f>
        <v>
-</v>
      </c>
      <c r="C48" s="182"/>
      <c r="D48" s="182"/>
      <c r="E48" s="182" t="str">
        <f>
'実質公債費比率（分子）の構造'!L$46</f>
        <v>
-</v>
      </c>
      <c r="F48" s="182"/>
      <c r="G48" s="182"/>
      <c r="H48" s="182" t="str">
        <f>
'実質公債費比率（分子）の構造'!M$46</f>
        <v>
-</v>
      </c>
      <c r="I48" s="182"/>
      <c r="J48" s="182"/>
      <c r="K48" s="182" t="str">
        <f>
'実質公債費比率（分子）の構造'!N$46</f>
        <v>
-</v>
      </c>
      <c r="L48" s="182"/>
      <c r="M48" s="182"/>
      <c r="N48" s="182" t="str">
        <f>
'実質公債費比率（分子）の構造'!O$46</f>
        <v>
-</v>
      </c>
      <c r="O48" s="182"/>
      <c r="P48" s="182"/>
    </row>
    <row r="49" spans="1:16" x14ac:dyDescent="0.2">
      <c r="A49" s="182" t="s">
        <v>
70</v>
      </c>
      <c r="B49" s="182">
        <f>
'実質公債費比率（分子）の構造'!K$45</f>
        <v>
2450</v>
      </c>
      <c r="C49" s="182"/>
      <c r="D49" s="182"/>
      <c r="E49" s="182">
        <f>
'実質公債費比率（分子）の構造'!L$45</f>
        <v>
2706</v>
      </c>
      <c r="F49" s="182"/>
      <c r="G49" s="182"/>
      <c r="H49" s="182">
        <f>
'実質公債費比率（分子）の構造'!M$45</f>
        <v>
2277</v>
      </c>
      <c r="I49" s="182"/>
      <c r="J49" s="182"/>
      <c r="K49" s="182">
        <f>
'実質公債費比率（分子）の構造'!N$45</f>
        <v>
2041</v>
      </c>
      <c r="L49" s="182"/>
      <c r="M49" s="182"/>
      <c r="N49" s="182">
        <f>
'実質公債費比率（分子）の構造'!O$45</f>
        <v>
2275</v>
      </c>
      <c r="O49" s="182"/>
      <c r="P49" s="182"/>
    </row>
    <row r="50" spans="1:16" x14ac:dyDescent="0.2">
      <c r="A50" s="182" t="s">
        <v>
71</v>
      </c>
      <c r="B50" s="182" t="e">
        <f>
NA()</f>
        <v>
#N/A</v>
      </c>
      <c r="C50" s="182">
        <f>
IF(ISNUMBER('実質公債費比率（分子）の構造'!K$53),'実質公債費比率（分子）の構造'!K$53,NA())</f>
        <v>
-3120</v>
      </c>
      <c r="D50" s="182" t="e">
        <f>
NA()</f>
        <v>
#N/A</v>
      </c>
      <c r="E50" s="182" t="e">
        <f>
NA()</f>
        <v>
#N/A</v>
      </c>
      <c r="F50" s="182">
        <f>
IF(ISNUMBER('実質公債費比率（分子）の構造'!L$53),'実質公債費比率（分子）の構造'!L$53,NA())</f>
        <v>
-2897</v>
      </c>
      <c r="G50" s="182" t="e">
        <f>
NA()</f>
        <v>
#N/A</v>
      </c>
      <c r="H50" s="182" t="e">
        <f>
NA()</f>
        <v>
#N/A</v>
      </c>
      <c r="I50" s="182">
        <f>
IF(ISNUMBER('実質公債費比率（分子）の構造'!M$53),'実質公債費比率（分子）の構造'!M$53,NA())</f>
        <v>
-3105</v>
      </c>
      <c r="J50" s="182" t="e">
        <f>
NA()</f>
        <v>
#N/A</v>
      </c>
      <c r="K50" s="182" t="e">
        <f>
NA()</f>
        <v>
#N/A</v>
      </c>
      <c r="L50" s="182">
        <f>
IF(ISNUMBER('実質公債費比率（分子）の構造'!N$53),'実質公債費比率（分子）の構造'!N$53,NA())</f>
        <v>
-3159</v>
      </c>
      <c r="M50" s="182" t="e">
        <f>
NA()</f>
        <v>
#N/A</v>
      </c>
      <c r="N50" s="182" t="e">
        <f>
NA()</f>
        <v>
#N/A</v>
      </c>
      <c r="O50" s="182">
        <f>
IF(ISNUMBER('実質公債費比率（分子）の構造'!O$53),'実質公債費比率（分子）の構造'!O$53,NA())</f>
        <v>
-2898</v>
      </c>
      <c r="P50" s="182" t="e">
        <f>
NA()</f>
        <v>
#N/A</v>
      </c>
    </row>
    <row r="53" spans="1:16" x14ac:dyDescent="0.2">
      <c r="A53" s="150" t="s">
        <v>
72</v>
      </c>
    </row>
    <row r="54" spans="1:16" x14ac:dyDescent="0.2">
      <c r="A54" s="181"/>
      <c r="B54" s="181" t="str">
        <f>
'将来負担比率（分子）の構造'!I$40</f>
        <v>
H27</v>
      </c>
      <c r="C54" s="181"/>
      <c r="D54" s="181"/>
      <c r="E54" s="181" t="str">
        <f>
'将来負担比率（分子）の構造'!J$40</f>
        <v>
H28</v>
      </c>
      <c r="F54" s="181"/>
      <c r="G54" s="181"/>
      <c r="H54" s="181" t="str">
        <f>
'将来負担比率（分子）の構造'!K$40</f>
        <v>
H29</v>
      </c>
      <c r="I54" s="181"/>
      <c r="J54" s="181"/>
      <c r="K54" s="181" t="str">
        <f>
'将来負担比率（分子）の構造'!L$40</f>
        <v>
H30</v>
      </c>
      <c r="L54" s="181"/>
      <c r="M54" s="181"/>
      <c r="N54" s="181" t="str">
        <f>
'将来負担比率（分子）の構造'!M$40</f>
        <v>
R01</v>
      </c>
      <c r="O54" s="181"/>
      <c r="P54" s="181"/>
    </row>
    <row r="55" spans="1:16" x14ac:dyDescent="0.2">
      <c r="A55" s="181"/>
      <c r="B55" s="181" t="s">
        <v>
73</v>
      </c>
      <c r="C55" s="181"/>
      <c r="D55" s="181" t="s">
        <v>
74</v>
      </c>
      <c r="E55" s="181" t="s">
        <v>
73</v>
      </c>
      <c r="F55" s="181"/>
      <c r="G55" s="181" t="s">
        <v>
74</v>
      </c>
      <c r="H55" s="181" t="s">
        <v>
73</v>
      </c>
      <c r="I55" s="181"/>
      <c r="J55" s="181" t="s">
        <v>
74</v>
      </c>
      <c r="K55" s="181" t="s">
        <v>
73</v>
      </c>
      <c r="L55" s="181"/>
      <c r="M55" s="181" t="s">
        <v>
74</v>
      </c>
      <c r="N55" s="181" t="s">
        <v>
73</v>
      </c>
      <c r="O55" s="181"/>
      <c r="P55" s="181" t="s">
        <v>
74</v>
      </c>
    </row>
    <row r="56" spans="1:16" x14ac:dyDescent="0.2">
      <c r="A56" s="181" t="s">
        <v>
43</v>
      </c>
      <c r="B56" s="181"/>
      <c r="C56" s="181"/>
      <c r="D56" s="181">
        <f>
'将来負担比率（分子）の構造'!I$52</f>
        <v>
65121</v>
      </c>
      <c r="E56" s="181"/>
      <c r="F56" s="181"/>
      <c r="G56" s="181">
        <f>
'将来負担比率（分子）の構造'!J$52</f>
        <v>
60203</v>
      </c>
      <c r="H56" s="181"/>
      <c r="I56" s="181"/>
      <c r="J56" s="181">
        <f>
'将来負担比率（分子）の構造'!K$52</f>
        <v>
55286</v>
      </c>
      <c r="K56" s="181"/>
      <c r="L56" s="181"/>
      <c r="M56" s="181">
        <f>
'将来負担比率（分子）の構造'!L$52</f>
        <v>
50297</v>
      </c>
      <c r="N56" s="181"/>
      <c r="O56" s="181"/>
      <c r="P56" s="181">
        <f>
'将来負担比率（分子）の構造'!M$52</f>
        <v>
45500</v>
      </c>
    </row>
    <row r="57" spans="1:16" x14ac:dyDescent="0.2">
      <c r="A57" s="181" t="s">
        <v>
42</v>
      </c>
      <c r="B57" s="181"/>
      <c r="C57" s="181"/>
      <c r="D57" s="181" t="str">
        <f>
'将来負担比率（分子）の構造'!I$51</f>
        <v>
-</v>
      </c>
      <c r="E57" s="181"/>
      <c r="F57" s="181"/>
      <c r="G57" s="181" t="str">
        <f>
'将来負担比率（分子）の構造'!J$51</f>
        <v>
-</v>
      </c>
      <c r="H57" s="181"/>
      <c r="I57" s="181"/>
      <c r="J57" s="181">
        <f>
'将来負担比率（分子）の構造'!K$51</f>
        <v>
1</v>
      </c>
      <c r="K57" s="181"/>
      <c r="L57" s="181"/>
      <c r="M57" s="181" t="str">
        <f>
'将来負担比率（分子）の構造'!L$51</f>
        <v>
-</v>
      </c>
      <c r="N57" s="181"/>
      <c r="O57" s="181"/>
      <c r="P57" s="181" t="str">
        <f>
'将来負担比率（分子）の構造'!M$51</f>
        <v>
-</v>
      </c>
    </row>
    <row r="58" spans="1:16" x14ac:dyDescent="0.2">
      <c r="A58" s="181" t="s">
        <v>
41</v>
      </c>
      <c r="B58" s="181"/>
      <c r="C58" s="181"/>
      <c r="D58" s="181">
        <f>
'将来負担比率（分子）の構造'!I$50</f>
        <v>
39503</v>
      </c>
      <c r="E58" s="181"/>
      <c r="F58" s="181"/>
      <c r="G58" s="181">
        <f>
'将来負担比率（分子）の構造'!J$50</f>
        <v>
42785</v>
      </c>
      <c r="H58" s="181"/>
      <c r="I58" s="181"/>
      <c r="J58" s="181">
        <f>
'将来負担比率（分子）の構造'!K$50</f>
        <v>
46896</v>
      </c>
      <c r="K58" s="181"/>
      <c r="L58" s="181"/>
      <c r="M58" s="181">
        <f>
'将来負担比率（分子）の構造'!L$50</f>
        <v>
53153</v>
      </c>
      <c r="N58" s="181"/>
      <c r="O58" s="181"/>
      <c r="P58" s="181">
        <f>
'将来負担比率（分子）の構造'!M$50</f>
        <v>
57649</v>
      </c>
    </row>
    <row r="59" spans="1:16" x14ac:dyDescent="0.2">
      <c r="A59" s="181" t="s">
        <v>
39</v>
      </c>
      <c r="B59" s="181" t="str">
        <f>
'将来負担比率（分子）の構造'!I$49</f>
        <v>
-</v>
      </c>
      <c r="C59" s="181"/>
      <c r="D59" s="181"/>
      <c r="E59" s="181" t="str">
        <f>
'将来負担比率（分子）の構造'!J$49</f>
        <v>
-</v>
      </c>
      <c r="F59" s="181"/>
      <c r="G59" s="181"/>
      <c r="H59" s="181" t="str">
        <f>
'将来負担比率（分子）の構造'!K$49</f>
        <v>
-</v>
      </c>
      <c r="I59" s="181"/>
      <c r="J59" s="181"/>
      <c r="K59" s="181" t="str">
        <f>
'将来負担比率（分子）の構造'!L$49</f>
        <v>
-</v>
      </c>
      <c r="L59" s="181"/>
      <c r="M59" s="181"/>
      <c r="N59" s="181" t="str">
        <f>
'将来負担比率（分子）の構造'!M$49</f>
        <v>
-</v>
      </c>
      <c r="O59" s="181"/>
      <c r="P59" s="181"/>
    </row>
    <row r="60" spans="1:16" x14ac:dyDescent="0.2">
      <c r="A60" s="181" t="s">
        <v>
38</v>
      </c>
      <c r="B60" s="181" t="str">
        <f>
'将来負担比率（分子）の構造'!I$48</f>
        <v>
-</v>
      </c>
      <c r="C60" s="181"/>
      <c r="D60" s="181"/>
      <c r="E60" s="181" t="str">
        <f>
'将来負担比率（分子）の構造'!J$48</f>
        <v>
-</v>
      </c>
      <c r="F60" s="181"/>
      <c r="G60" s="181"/>
      <c r="H60" s="181" t="str">
        <f>
'将来負担比率（分子）の構造'!K$48</f>
        <v>
-</v>
      </c>
      <c r="I60" s="181"/>
      <c r="J60" s="181"/>
      <c r="K60" s="181" t="str">
        <f>
'将来負担比率（分子）の構造'!L$48</f>
        <v>
-</v>
      </c>
      <c r="L60" s="181"/>
      <c r="M60" s="181"/>
      <c r="N60" s="181" t="str">
        <f>
'将来負担比率（分子）の構造'!M$48</f>
        <v>
-</v>
      </c>
      <c r="O60" s="181"/>
      <c r="P60" s="181"/>
    </row>
    <row r="61" spans="1:16" x14ac:dyDescent="0.2">
      <c r="A61" s="181" t="s">
        <v>
36</v>
      </c>
      <c r="B61" s="181" t="str">
        <f>
'将来負担比率（分子）の構造'!I$46</f>
        <v>
-</v>
      </c>
      <c r="C61" s="181"/>
      <c r="D61" s="181"/>
      <c r="E61" s="181" t="str">
        <f>
'将来負担比率（分子）の構造'!J$46</f>
        <v>
-</v>
      </c>
      <c r="F61" s="181"/>
      <c r="G61" s="181"/>
      <c r="H61" s="181" t="str">
        <f>
'将来負担比率（分子）の構造'!K$46</f>
        <v>
-</v>
      </c>
      <c r="I61" s="181"/>
      <c r="J61" s="181"/>
      <c r="K61" s="181" t="str">
        <f>
'将来負担比率（分子）の構造'!L$46</f>
        <v>
-</v>
      </c>
      <c r="L61" s="181"/>
      <c r="M61" s="181"/>
      <c r="N61" s="181" t="str">
        <f>
'将来負担比率（分子）の構造'!M$46</f>
        <v>
-</v>
      </c>
      <c r="O61" s="181"/>
      <c r="P61" s="181"/>
    </row>
    <row r="62" spans="1:16" x14ac:dyDescent="0.2">
      <c r="A62" s="181" t="s">
        <v>
35</v>
      </c>
      <c r="B62" s="181">
        <f>
'将来負担比率（分子）の構造'!I$45</f>
        <v>
19290</v>
      </c>
      <c r="C62" s="181"/>
      <c r="D62" s="181"/>
      <c r="E62" s="181">
        <f>
'将来負担比率（分子）の構造'!J$45</f>
        <v>
20477</v>
      </c>
      <c r="F62" s="181"/>
      <c r="G62" s="181"/>
      <c r="H62" s="181">
        <f>
'将来負担比率（分子）の構造'!K$45</f>
        <v>
18193</v>
      </c>
      <c r="I62" s="181"/>
      <c r="J62" s="181"/>
      <c r="K62" s="181">
        <f>
'将来負担比率（分子）の構造'!L$45</f>
        <v>
18537</v>
      </c>
      <c r="L62" s="181"/>
      <c r="M62" s="181"/>
      <c r="N62" s="181">
        <f>
'将来負担比率（分子）の構造'!M$45</f>
        <v>
17243</v>
      </c>
      <c r="O62" s="181"/>
      <c r="P62" s="181"/>
    </row>
    <row r="63" spans="1:16" x14ac:dyDescent="0.2">
      <c r="A63" s="181" t="s">
        <v>
34</v>
      </c>
      <c r="B63" s="181">
        <f>
'将来負担比率（分子）の構造'!I$44</f>
        <v>
1173</v>
      </c>
      <c r="C63" s="181"/>
      <c r="D63" s="181"/>
      <c r="E63" s="181">
        <f>
'将来負担比率（分子）の構造'!J$44</f>
        <v>
1231</v>
      </c>
      <c r="F63" s="181"/>
      <c r="G63" s="181"/>
      <c r="H63" s="181">
        <f>
'将来負担比率（分子）の構造'!K$44</f>
        <v>
1439</v>
      </c>
      <c r="I63" s="181"/>
      <c r="J63" s="181"/>
      <c r="K63" s="181">
        <f>
'将来負担比率（分子）の構造'!L$44</f>
        <v>
1462</v>
      </c>
      <c r="L63" s="181"/>
      <c r="M63" s="181"/>
      <c r="N63" s="181">
        <f>
'将来負担比率（分子）の構造'!M$44</f>
        <v>
1524</v>
      </c>
      <c r="O63" s="181"/>
      <c r="P63" s="181"/>
    </row>
    <row r="64" spans="1:16" x14ac:dyDescent="0.2">
      <c r="A64" s="181" t="s">
        <v>
33</v>
      </c>
      <c r="B64" s="181" t="str">
        <f>
'将来負担比率（分子）の構造'!I$43</f>
        <v>
-</v>
      </c>
      <c r="C64" s="181"/>
      <c r="D64" s="181"/>
      <c r="E64" s="181" t="str">
        <f>
'将来負担比率（分子）の構造'!J$43</f>
        <v>
-</v>
      </c>
      <c r="F64" s="181"/>
      <c r="G64" s="181"/>
      <c r="H64" s="181" t="str">
        <f>
'将来負担比率（分子）の構造'!K$43</f>
        <v>
-</v>
      </c>
      <c r="I64" s="181"/>
      <c r="J64" s="181"/>
      <c r="K64" s="181" t="str">
        <f>
'将来負担比率（分子）の構造'!L$43</f>
        <v>
-</v>
      </c>
      <c r="L64" s="181"/>
      <c r="M64" s="181"/>
      <c r="N64" s="181" t="str">
        <f>
'将来負担比率（分子）の構造'!M$43</f>
        <v>
-</v>
      </c>
      <c r="O64" s="181"/>
      <c r="P64" s="181"/>
    </row>
    <row r="65" spans="1:16" x14ac:dyDescent="0.2">
      <c r="A65" s="181" t="s">
        <v>
32</v>
      </c>
      <c r="B65" s="181">
        <f>
'将来負担比率（分子）の構造'!I$42</f>
        <v>
199</v>
      </c>
      <c r="C65" s="181"/>
      <c r="D65" s="181"/>
      <c r="E65" s="181">
        <f>
'将来負担比率（分子）の構造'!J$42</f>
        <v>
265</v>
      </c>
      <c r="F65" s="181"/>
      <c r="G65" s="181"/>
      <c r="H65" s="181">
        <f>
'将来負担比率（分子）の構造'!K$42</f>
        <v>
200</v>
      </c>
      <c r="I65" s="181"/>
      <c r="J65" s="181"/>
      <c r="K65" s="181">
        <f>
'将来負担比率（分子）の構造'!L$42</f>
        <v>
32</v>
      </c>
      <c r="L65" s="181"/>
      <c r="M65" s="181"/>
      <c r="N65" s="181" t="str">
        <f>
'将来負担比率（分子）の構造'!M$42</f>
        <v>
-</v>
      </c>
      <c r="O65" s="181"/>
      <c r="P65" s="181"/>
    </row>
    <row r="66" spans="1:16" x14ac:dyDescent="0.2">
      <c r="A66" s="181" t="s">
        <v>
31</v>
      </c>
      <c r="B66" s="181">
        <f>
'将来負担比率（分子）の構造'!I$41</f>
        <v>
22022</v>
      </c>
      <c r="C66" s="181"/>
      <c r="D66" s="181"/>
      <c r="E66" s="181">
        <f>
'将来負担比率（分子）の構造'!J$41</f>
        <v>
22138</v>
      </c>
      <c r="F66" s="181"/>
      <c r="G66" s="181"/>
      <c r="H66" s="181">
        <f>
'将来負担比率（分子）の構造'!K$41</f>
        <v>
20917</v>
      </c>
      <c r="I66" s="181"/>
      <c r="J66" s="181"/>
      <c r="K66" s="181">
        <f>
'将来負担比率（分子）の構造'!L$41</f>
        <v>
19947</v>
      </c>
      <c r="L66" s="181"/>
      <c r="M66" s="181"/>
      <c r="N66" s="181">
        <f>
'将来負担比率（分子）の構造'!M$41</f>
        <v>
18638</v>
      </c>
      <c r="O66" s="181"/>
      <c r="P66" s="181"/>
    </row>
    <row r="67" spans="1:16" x14ac:dyDescent="0.2">
      <c r="A67" s="181" t="s">
        <v>
75</v>
      </c>
      <c r="B67" s="181" t="e">
        <f>
NA()</f>
        <v>
#N/A</v>
      </c>
      <c r="C67" s="181">
        <f>
IF(ISNUMBER('将来負担比率（分子）の構造'!I$53), IF('将来負担比率（分子）の構造'!I$53 &lt; 0, 0, '将来負担比率（分子）の構造'!I$53), NA())</f>
        <v>
0</v>
      </c>
      <c r="D67" s="181" t="e">
        <f>
NA()</f>
        <v>
#N/A</v>
      </c>
      <c r="E67" s="181" t="e">
        <f>
NA()</f>
        <v>
#N/A</v>
      </c>
      <c r="F67" s="181">
        <f>
IF(ISNUMBER('将来負担比率（分子）の構造'!J$53), IF('将来負担比率（分子）の構造'!J$53 &lt; 0, 0, '将来負担比率（分子）の構造'!J$53), NA())</f>
        <v>
0</v>
      </c>
      <c r="G67" s="181" t="e">
        <f>
NA()</f>
        <v>
#N/A</v>
      </c>
      <c r="H67" s="181" t="e">
        <f>
NA()</f>
        <v>
#N/A</v>
      </c>
      <c r="I67" s="181">
        <f>
IF(ISNUMBER('将来負担比率（分子）の構造'!K$53), IF('将来負担比率（分子）の構造'!K$53 &lt; 0, 0, '将来負担比率（分子）の構造'!K$53), NA())</f>
        <v>
0</v>
      </c>
      <c r="J67" s="181" t="e">
        <f>
NA()</f>
        <v>
#N/A</v>
      </c>
      <c r="K67" s="181" t="e">
        <f>
NA()</f>
        <v>
#N/A</v>
      </c>
      <c r="L67" s="181">
        <f>
IF(ISNUMBER('将来負担比率（分子）の構造'!L$53), IF('将来負担比率（分子）の構造'!L$53 &lt; 0, 0, '将来負担比率（分子）の構造'!L$53), NA())</f>
        <v>
0</v>
      </c>
      <c r="M67" s="181" t="e">
        <f>
NA()</f>
        <v>
#N/A</v>
      </c>
      <c r="N67" s="181" t="e">
        <f>
NA()</f>
        <v>
#N/A</v>
      </c>
      <c r="O67" s="181">
        <f>
IF(ISNUMBER('将来負担比率（分子）の構造'!M$53), IF('将来負担比率（分子）の構造'!M$53 &lt; 0, 0, '将来負担比率（分子）の構造'!M$53), NA())</f>
        <v>
0</v>
      </c>
      <c r="P67" s="181" t="e">
        <f>
NA()</f>
        <v>
#N/A</v>
      </c>
    </row>
    <row r="70" spans="1:16" x14ac:dyDescent="0.2">
      <c r="A70" s="183" t="s">
        <v>
76</v>
      </c>
      <c r="B70" s="183"/>
      <c r="C70" s="183"/>
      <c r="D70" s="183"/>
      <c r="E70" s="183"/>
      <c r="F70" s="183"/>
    </row>
    <row r="71" spans="1:16" x14ac:dyDescent="0.2">
      <c r="A71" s="184"/>
      <c r="B71" s="184" t="str">
        <f>
基金残高に係る経年分析!F54</f>
        <v>
H29</v>
      </c>
      <c r="C71" s="184" t="str">
        <f>
基金残高に係る経年分析!G54</f>
        <v>
H30</v>
      </c>
      <c r="D71" s="184" t="str">
        <f>
基金残高に係る経年分析!H54</f>
        <v>
R01</v>
      </c>
    </row>
    <row r="72" spans="1:16" x14ac:dyDescent="0.2">
      <c r="A72" s="184" t="s">
        <v>
77</v>
      </c>
      <c r="B72" s="185">
        <f>
基金残高に係る経年分析!F55</f>
        <v>
27217</v>
      </c>
      <c r="C72" s="185">
        <f>
基金残高に係る経年分析!G55</f>
        <v>
30289</v>
      </c>
      <c r="D72" s="185">
        <f>
基金残高に係る経年分析!H55</f>
        <v>
32607</v>
      </c>
    </row>
    <row r="73" spans="1:16" x14ac:dyDescent="0.2">
      <c r="A73" s="184" t="s">
        <v>
78</v>
      </c>
      <c r="B73" s="185">
        <f>
基金残高に係る経年分析!F56</f>
        <v>
5570</v>
      </c>
      <c r="C73" s="185">
        <f>
基金残高に係る経年分析!G56</f>
        <v>
5675</v>
      </c>
      <c r="D73" s="185">
        <f>
基金残高に係る経年分析!H56</f>
        <v>
5779</v>
      </c>
    </row>
    <row r="74" spans="1:16" x14ac:dyDescent="0.2">
      <c r="A74" s="184" t="s">
        <v>
79</v>
      </c>
      <c r="B74" s="185">
        <f>
基金残高に係る経年分析!F57</f>
        <v>
12253</v>
      </c>
      <c r="C74" s="185">
        <f>
基金残高に係る経年分析!G57</f>
        <v>
14908</v>
      </c>
      <c r="D74" s="185">
        <f>
基金残高に係る経年分析!H57</f>
        <v>
17056</v>
      </c>
    </row>
  </sheetData>
  <sheetProtection algorithmName="SHA-512" hashValue="Qif6Re9+wQM2Ofi8dFVNEP7jZaQ8PwKJruwSyIHRzbb8Vlxdb54Di2FPuR1ZvRqvfkDNmjr7LzbIvPZ8X0/MuA==" saltValue="MsA9mg3aqI9o2gCDza/ldQ=="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2"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59" t="s">
        <v>
221</v>
      </c>
      <c r="DI1" s="660"/>
      <c r="DJ1" s="660"/>
      <c r="DK1" s="660"/>
      <c r="DL1" s="660"/>
      <c r="DM1" s="660"/>
      <c r="DN1" s="661"/>
      <c r="DO1" s="226"/>
      <c r="DP1" s="659" t="s">
        <v>
222</v>
      </c>
      <c r="DQ1" s="660"/>
      <c r="DR1" s="660"/>
      <c r="DS1" s="660"/>
      <c r="DT1" s="660"/>
      <c r="DU1" s="660"/>
      <c r="DV1" s="660"/>
      <c r="DW1" s="660"/>
      <c r="DX1" s="660"/>
      <c r="DY1" s="660"/>
      <c r="DZ1" s="660"/>
      <c r="EA1" s="660"/>
      <c r="EB1" s="660"/>
      <c r="EC1" s="661"/>
      <c r="ED1" s="224"/>
      <c r="EE1" s="224"/>
      <c r="EF1" s="224"/>
      <c r="EG1" s="224"/>
      <c r="EH1" s="224"/>
      <c r="EI1" s="224"/>
      <c r="EJ1" s="224"/>
      <c r="EK1" s="224"/>
      <c r="EL1" s="224"/>
      <c r="EM1" s="224"/>
    </row>
    <row r="2" spans="2:143" ht="22.5" customHeight="1" x14ac:dyDescent="0.2">
      <c r="B2" s="227" t="s">
        <v>
22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2" t="s">
        <v>
224</v>
      </c>
      <c r="C3" s="663"/>
      <c r="D3" s="663"/>
      <c r="E3" s="663"/>
      <c r="F3" s="663"/>
      <c r="G3" s="663"/>
      <c r="H3" s="663"/>
      <c r="I3" s="663"/>
      <c r="J3" s="663"/>
      <c r="K3" s="663"/>
      <c r="L3" s="663"/>
      <c r="M3" s="663"/>
      <c r="N3" s="663"/>
      <c r="O3" s="663"/>
      <c r="P3" s="663"/>
      <c r="Q3" s="663"/>
      <c r="R3" s="663"/>
      <c r="S3" s="663"/>
      <c r="T3" s="663"/>
      <c r="U3" s="663"/>
      <c r="V3" s="663"/>
      <c r="W3" s="663"/>
      <c r="X3" s="663"/>
      <c r="Y3" s="663"/>
      <c r="Z3" s="663"/>
      <c r="AA3" s="663"/>
      <c r="AB3" s="663"/>
      <c r="AC3" s="663"/>
      <c r="AD3" s="663"/>
      <c r="AE3" s="663"/>
      <c r="AF3" s="663"/>
      <c r="AG3" s="663"/>
      <c r="AH3" s="663"/>
      <c r="AI3" s="663"/>
      <c r="AJ3" s="663"/>
      <c r="AK3" s="663"/>
      <c r="AL3" s="663"/>
      <c r="AM3" s="663"/>
      <c r="AN3" s="663"/>
      <c r="AO3" s="663"/>
      <c r="AP3" s="662" t="s">
        <v>
225</v>
      </c>
      <c r="AQ3" s="663"/>
      <c r="AR3" s="663"/>
      <c r="AS3" s="663"/>
      <c r="AT3" s="663"/>
      <c r="AU3" s="663"/>
      <c r="AV3" s="663"/>
      <c r="AW3" s="663"/>
      <c r="AX3" s="663"/>
      <c r="AY3" s="663"/>
      <c r="AZ3" s="663"/>
      <c r="BA3" s="663"/>
      <c r="BB3" s="663"/>
      <c r="BC3" s="663"/>
      <c r="BD3" s="663"/>
      <c r="BE3" s="663"/>
      <c r="BF3" s="663"/>
      <c r="BG3" s="663"/>
      <c r="BH3" s="663"/>
      <c r="BI3" s="663"/>
      <c r="BJ3" s="663"/>
      <c r="BK3" s="663"/>
      <c r="BL3" s="663"/>
      <c r="BM3" s="663"/>
      <c r="BN3" s="663"/>
      <c r="BO3" s="663"/>
      <c r="BP3" s="663"/>
      <c r="BQ3" s="663"/>
      <c r="BR3" s="663"/>
      <c r="BS3" s="663"/>
      <c r="BT3" s="663"/>
      <c r="BU3" s="663"/>
      <c r="BV3" s="663"/>
      <c r="BW3" s="663"/>
      <c r="BX3" s="663"/>
      <c r="BY3" s="663"/>
      <c r="BZ3" s="663"/>
      <c r="CA3" s="663"/>
      <c r="CB3" s="664"/>
      <c r="CD3" s="665" t="s">
        <v>
226</v>
      </c>
      <c r="CE3" s="666"/>
      <c r="CF3" s="666"/>
      <c r="CG3" s="666"/>
      <c r="CH3" s="666"/>
      <c r="CI3" s="666"/>
      <c r="CJ3" s="666"/>
      <c r="CK3" s="666"/>
      <c r="CL3" s="666"/>
      <c r="CM3" s="666"/>
      <c r="CN3" s="666"/>
      <c r="CO3" s="666"/>
      <c r="CP3" s="666"/>
      <c r="CQ3" s="666"/>
      <c r="CR3" s="666"/>
      <c r="CS3" s="666"/>
      <c r="CT3" s="666"/>
      <c r="CU3" s="666"/>
      <c r="CV3" s="666"/>
      <c r="CW3" s="666"/>
      <c r="CX3" s="666"/>
      <c r="CY3" s="666"/>
      <c r="CZ3" s="666"/>
      <c r="DA3" s="666"/>
      <c r="DB3" s="666"/>
      <c r="DC3" s="666"/>
      <c r="DD3" s="666"/>
      <c r="DE3" s="666"/>
      <c r="DF3" s="666"/>
      <c r="DG3" s="666"/>
      <c r="DH3" s="666"/>
      <c r="DI3" s="666"/>
      <c r="DJ3" s="666"/>
      <c r="DK3" s="666"/>
      <c r="DL3" s="666"/>
      <c r="DM3" s="666"/>
      <c r="DN3" s="666"/>
      <c r="DO3" s="666"/>
      <c r="DP3" s="666"/>
      <c r="DQ3" s="666"/>
      <c r="DR3" s="666"/>
      <c r="DS3" s="666"/>
      <c r="DT3" s="666"/>
      <c r="DU3" s="666"/>
      <c r="DV3" s="666"/>
      <c r="DW3" s="666"/>
      <c r="DX3" s="666"/>
      <c r="DY3" s="666"/>
      <c r="DZ3" s="666"/>
      <c r="EA3" s="666"/>
      <c r="EB3" s="666"/>
      <c r="EC3" s="667"/>
    </row>
    <row r="4" spans="2:143" ht="11.25" customHeight="1" x14ac:dyDescent="0.2">
      <c r="B4" s="662" t="s">
        <v>
1</v>
      </c>
      <c r="C4" s="663"/>
      <c r="D4" s="663"/>
      <c r="E4" s="663"/>
      <c r="F4" s="663"/>
      <c r="G4" s="663"/>
      <c r="H4" s="663"/>
      <c r="I4" s="663"/>
      <c r="J4" s="663"/>
      <c r="K4" s="663"/>
      <c r="L4" s="663"/>
      <c r="M4" s="663"/>
      <c r="N4" s="663"/>
      <c r="O4" s="663"/>
      <c r="P4" s="663"/>
      <c r="Q4" s="664"/>
      <c r="R4" s="662" t="s">
        <v>
227</v>
      </c>
      <c r="S4" s="663"/>
      <c r="T4" s="663"/>
      <c r="U4" s="663"/>
      <c r="V4" s="663"/>
      <c r="W4" s="663"/>
      <c r="X4" s="663"/>
      <c r="Y4" s="664"/>
      <c r="Z4" s="662" t="s">
        <v>
228</v>
      </c>
      <c r="AA4" s="663"/>
      <c r="AB4" s="663"/>
      <c r="AC4" s="664"/>
      <c r="AD4" s="662" t="s">
        <v>
229</v>
      </c>
      <c r="AE4" s="663"/>
      <c r="AF4" s="663"/>
      <c r="AG4" s="663"/>
      <c r="AH4" s="663"/>
      <c r="AI4" s="663"/>
      <c r="AJ4" s="663"/>
      <c r="AK4" s="664"/>
      <c r="AL4" s="662" t="s">
        <v>
228</v>
      </c>
      <c r="AM4" s="663"/>
      <c r="AN4" s="663"/>
      <c r="AO4" s="664"/>
      <c r="AP4" s="668" t="s">
        <v>
230</v>
      </c>
      <c r="AQ4" s="668"/>
      <c r="AR4" s="668"/>
      <c r="AS4" s="668"/>
      <c r="AT4" s="668"/>
      <c r="AU4" s="668"/>
      <c r="AV4" s="668"/>
      <c r="AW4" s="668"/>
      <c r="AX4" s="668"/>
      <c r="AY4" s="668"/>
      <c r="AZ4" s="668"/>
      <c r="BA4" s="668"/>
      <c r="BB4" s="668"/>
      <c r="BC4" s="668"/>
      <c r="BD4" s="668"/>
      <c r="BE4" s="668"/>
      <c r="BF4" s="668"/>
      <c r="BG4" s="668" t="s">
        <v>
231</v>
      </c>
      <c r="BH4" s="668"/>
      <c r="BI4" s="668"/>
      <c r="BJ4" s="668"/>
      <c r="BK4" s="668"/>
      <c r="BL4" s="668"/>
      <c r="BM4" s="668"/>
      <c r="BN4" s="668"/>
      <c r="BO4" s="668" t="s">
        <v>
228</v>
      </c>
      <c r="BP4" s="668"/>
      <c r="BQ4" s="668"/>
      <c r="BR4" s="668"/>
      <c r="BS4" s="668" t="s">
        <v>
232</v>
      </c>
      <c r="BT4" s="668"/>
      <c r="BU4" s="668"/>
      <c r="BV4" s="668"/>
      <c r="BW4" s="668"/>
      <c r="BX4" s="668"/>
      <c r="BY4" s="668"/>
      <c r="BZ4" s="668"/>
      <c r="CA4" s="668"/>
      <c r="CB4" s="668"/>
      <c r="CD4" s="665" t="s">
        <v>
233</v>
      </c>
      <c r="CE4" s="666"/>
      <c r="CF4" s="666"/>
      <c r="CG4" s="666"/>
      <c r="CH4" s="666"/>
      <c r="CI4" s="666"/>
      <c r="CJ4" s="666"/>
      <c r="CK4" s="666"/>
      <c r="CL4" s="666"/>
      <c r="CM4" s="666"/>
      <c r="CN4" s="666"/>
      <c r="CO4" s="666"/>
      <c r="CP4" s="666"/>
      <c r="CQ4" s="666"/>
      <c r="CR4" s="666"/>
      <c r="CS4" s="666"/>
      <c r="CT4" s="666"/>
      <c r="CU4" s="666"/>
      <c r="CV4" s="666"/>
      <c r="CW4" s="666"/>
      <c r="CX4" s="666"/>
      <c r="CY4" s="666"/>
      <c r="CZ4" s="666"/>
      <c r="DA4" s="666"/>
      <c r="DB4" s="666"/>
      <c r="DC4" s="666"/>
      <c r="DD4" s="666"/>
      <c r="DE4" s="666"/>
      <c r="DF4" s="666"/>
      <c r="DG4" s="666"/>
      <c r="DH4" s="666"/>
      <c r="DI4" s="666"/>
      <c r="DJ4" s="666"/>
      <c r="DK4" s="666"/>
      <c r="DL4" s="666"/>
      <c r="DM4" s="666"/>
      <c r="DN4" s="666"/>
      <c r="DO4" s="666"/>
      <c r="DP4" s="666"/>
      <c r="DQ4" s="666"/>
      <c r="DR4" s="666"/>
      <c r="DS4" s="666"/>
      <c r="DT4" s="666"/>
      <c r="DU4" s="666"/>
      <c r="DV4" s="666"/>
      <c r="DW4" s="666"/>
      <c r="DX4" s="666"/>
      <c r="DY4" s="666"/>
      <c r="DZ4" s="666"/>
      <c r="EA4" s="666"/>
      <c r="EB4" s="666"/>
      <c r="EC4" s="667"/>
    </row>
    <row r="5" spans="2:143" s="230" customFormat="1" ht="11.25" customHeight="1" x14ac:dyDescent="0.2">
      <c r="B5" s="669" t="s">
        <v>
234</v>
      </c>
      <c r="C5" s="670"/>
      <c r="D5" s="670"/>
      <c r="E5" s="670"/>
      <c r="F5" s="670"/>
      <c r="G5" s="670"/>
      <c r="H5" s="670"/>
      <c r="I5" s="670"/>
      <c r="J5" s="670"/>
      <c r="K5" s="670"/>
      <c r="L5" s="670"/>
      <c r="M5" s="670"/>
      <c r="N5" s="670"/>
      <c r="O5" s="670"/>
      <c r="P5" s="670"/>
      <c r="Q5" s="671"/>
      <c r="R5" s="672">
        <v>
49902484</v>
      </c>
      <c r="S5" s="673"/>
      <c r="T5" s="673"/>
      <c r="U5" s="673"/>
      <c r="V5" s="673"/>
      <c r="W5" s="673"/>
      <c r="X5" s="673"/>
      <c r="Y5" s="674"/>
      <c r="Z5" s="675">
        <v>
33.299999999999997</v>
      </c>
      <c r="AA5" s="675"/>
      <c r="AB5" s="675"/>
      <c r="AC5" s="675"/>
      <c r="AD5" s="676">
        <v>
49902484</v>
      </c>
      <c r="AE5" s="676"/>
      <c r="AF5" s="676"/>
      <c r="AG5" s="676"/>
      <c r="AH5" s="676"/>
      <c r="AI5" s="676"/>
      <c r="AJ5" s="676"/>
      <c r="AK5" s="676"/>
      <c r="AL5" s="677">
        <v>
53.3</v>
      </c>
      <c r="AM5" s="678"/>
      <c r="AN5" s="678"/>
      <c r="AO5" s="679"/>
      <c r="AP5" s="669" t="s">
        <v>
235</v>
      </c>
      <c r="AQ5" s="670"/>
      <c r="AR5" s="670"/>
      <c r="AS5" s="670"/>
      <c r="AT5" s="670"/>
      <c r="AU5" s="670"/>
      <c r="AV5" s="670"/>
      <c r="AW5" s="670"/>
      <c r="AX5" s="670"/>
      <c r="AY5" s="670"/>
      <c r="AZ5" s="670"/>
      <c r="BA5" s="670"/>
      <c r="BB5" s="670"/>
      <c r="BC5" s="670"/>
      <c r="BD5" s="670"/>
      <c r="BE5" s="670"/>
      <c r="BF5" s="671"/>
      <c r="BG5" s="683">
        <v>
49841348</v>
      </c>
      <c r="BH5" s="684"/>
      <c r="BI5" s="684"/>
      <c r="BJ5" s="684"/>
      <c r="BK5" s="684"/>
      <c r="BL5" s="684"/>
      <c r="BM5" s="684"/>
      <c r="BN5" s="685"/>
      <c r="BO5" s="686">
        <v>
99.9</v>
      </c>
      <c r="BP5" s="686"/>
      <c r="BQ5" s="686"/>
      <c r="BR5" s="686"/>
      <c r="BS5" s="687" t="s">
        <v>
178</v>
      </c>
      <c r="BT5" s="687"/>
      <c r="BU5" s="687"/>
      <c r="BV5" s="687"/>
      <c r="BW5" s="687"/>
      <c r="BX5" s="687"/>
      <c r="BY5" s="687"/>
      <c r="BZ5" s="687"/>
      <c r="CA5" s="687"/>
      <c r="CB5" s="691"/>
      <c r="CD5" s="665" t="s">
        <v>
230</v>
      </c>
      <c r="CE5" s="666"/>
      <c r="CF5" s="666"/>
      <c r="CG5" s="666"/>
      <c r="CH5" s="666"/>
      <c r="CI5" s="666"/>
      <c r="CJ5" s="666"/>
      <c r="CK5" s="666"/>
      <c r="CL5" s="666"/>
      <c r="CM5" s="666"/>
      <c r="CN5" s="666"/>
      <c r="CO5" s="666"/>
      <c r="CP5" s="666"/>
      <c r="CQ5" s="667"/>
      <c r="CR5" s="665" t="s">
        <v>
236</v>
      </c>
      <c r="CS5" s="666"/>
      <c r="CT5" s="666"/>
      <c r="CU5" s="666"/>
      <c r="CV5" s="666"/>
      <c r="CW5" s="666"/>
      <c r="CX5" s="666"/>
      <c r="CY5" s="667"/>
      <c r="CZ5" s="665" t="s">
        <v>
228</v>
      </c>
      <c r="DA5" s="666"/>
      <c r="DB5" s="666"/>
      <c r="DC5" s="667"/>
      <c r="DD5" s="665" t="s">
        <v>
237</v>
      </c>
      <c r="DE5" s="666"/>
      <c r="DF5" s="666"/>
      <c r="DG5" s="666"/>
      <c r="DH5" s="666"/>
      <c r="DI5" s="666"/>
      <c r="DJ5" s="666"/>
      <c r="DK5" s="666"/>
      <c r="DL5" s="666"/>
      <c r="DM5" s="666"/>
      <c r="DN5" s="666"/>
      <c r="DO5" s="666"/>
      <c r="DP5" s="667"/>
      <c r="DQ5" s="665" t="s">
        <v>
238</v>
      </c>
      <c r="DR5" s="666"/>
      <c r="DS5" s="666"/>
      <c r="DT5" s="666"/>
      <c r="DU5" s="666"/>
      <c r="DV5" s="666"/>
      <c r="DW5" s="666"/>
      <c r="DX5" s="666"/>
      <c r="DY5" s="666"/>
      <c r="DZ5" s="666"/>
      <c r="EA5" s="666"/>
      <c r="EB5" s="666"/>
      <c r="EC5" s="667"/>
    </row>
    <row r="6" spans="2:143" ht="11.25" customHeight="1" x14ac:dyDescent="0.2">
      <c r="B6" s="680" t="s">
        <v>
239</v>
      </c>
      <c r="C6" s="681"/>
      <c r="D6" s="681"/>
      <c r="E6" s="681"/>
      <c r="F6" s="681"/>
      <c r="G6" s="681"/>
      <c r="H6" s="681"/>
      <c r="I6" s="681"/>
      <c r="J6" s="681"/>
      <c r="K6" s="681"/>
      <c r="L6" s="681"/>
      <c r="M6" s="681"/>
      <c r="N6" s="681"/>
      <c r="O6" s="681"/>
      <c r="P6" s="681"/>
      <c r="Q6" s="682"/>
      <c r="R6" s="683">
        <v>
489333</v>
      </c>
      <c r="S6" s="684"/>
      <c r="T6" s="684"/>
      <c r="U6" s="684"/>
      <c r="V6" s="684"/>
      <c r="W6" s="684"/>
      <c r="X6" s="684"/>
      <c r="Y6" s="685"/>
      <c r="Z6" s="686">
        <v>
0.3</v>
      </c>
      <c r="AA6" s="686"/>
      <c r="AB6" s="686"/>
      <c r="AC6" s="686"/>
      <c r="AD6" s="687">
        <v>
489333</v>
      </c>
      <c r="AE6" s="687"/>
      <c r="AF6" s="687"/>
      <c r="AG6" s="687"/>
      <c r="AH6" s="687"/>
      <c r="AI6" s="687"/>
      <c r="AJ6" s="687"/>
      <c r="AK6" s="687"/>
      <c r="AL6" s="688">
        <v>
0.5</v>
      </c>
      <c r="AM6" s="689"/>
      <c r="AN6" s="689"/>
      <c r="AO6" s="690"/>
      <c r="AP6" s="680" t="s">
        <v>
240</v>
      </c>
      <c r="AQ6" s="681"/>
      <c r="AR6" s="681"/>
      <c r="AS6" s="681"/>
      <c r="AT6" s="681"/>
      <c r="AU6" s="681"/>
      <c r="AV6" s="681"/>
      <c r="AW6" s="681"/>
      <c r="AX6" s="681"/>
      <c r="AY6" s="681"/>
      <c r="AZ6" s="681"/>
      <c r="BA6" s="681"/>
      <c r="BB6" s="681"/>
      <c r="BC6" s="681"/>
      <c r="BD6" s="681"/>
      <c r="BE6" s="681"/>
      <c r="BF6" s="682"/>
      <c r="BG6" s="683">
        <v>
49841348</v>
      </c>
      <c r="BH6" s="684"/>
      <c r="BI6" s="684"/>
      <c r="BJ6" s="684"/>
      <c r="BK6" s="684"/>
      <c r="BL6" s="684"/>
      <c r="BM6" s="684"/>
      <c r="BN6" s="685"/>
      <c r="BO6" s="686">
        <v>
99.9</v>
      </c>
      <c r="BP6" s="686"/>
      <c r="BQ6" s="686"/>
      <c r="BR6" s="686"/>
      <c r="BS6" s="687" t="s">
        <v>
178</v>
      </c>
      <c r="BT6" s="687"/>
      <c r="BU6" s="687"/>
      <c r="BV6" s="687"/>
      <c r="BW6" s="687"/>
      <c r="BX6" s="687"/>
      <c r="BY6" s="687"/>
      <c r="BZ6" s="687"/>
      <c r="CA6" s="687"/>
      <c r="CB6" s="691"/>
      <c r="CD6" s="694" t="s">
        <v>
241</v>
      </c>
      <c r="CE6" s="695"/>
      <c r="CF6" s="695"/>
      <c r="CG6" s="695"/>
      <c r="CH6" s="695"/>
      <c r="CI6" s="695"/>
      <c r="CJ6" s="695"/>
      <c r="CK6" s="695"/>
      <c r="CL6" s="695"/>
      <c r="CM6" s="695"/>
      <c r="CN6" s="695"/>
      <c r="CO6" s="695"/>
      <c r="CP6" s="695"/>
      <c r="CQ6" s="696"/>
      <c r="CR6" s="683">
        <v>
743269</v>
      </c>
      <c r="CS6" s="684"/>
      <c r="CT6" s="684"/>
      <c r="CU6" s="684"/>
      <c r="CV6" s="684"/>
      <c r="CW6" s="684"/>
      <c r="CX6" s="684"/>
      <c r="CY6" s="685"/>
      <c r="CZ6" s="677">
        <v>
0.5</v>
      </c>
      <c r="DA6" s="678"/>
      <c r="DB6" s="678"/>
      <c r="DC6" s="697"/>
      <c r="DD6" s="692" t="s">
        <v>
242</v>
      </c>
      <c r="DE6" s="684"/>
      <c r="DF6" s="684"/>
      <c r="DG6" s="684"/>
      <c r="DH6" s="684"/>
      <c r="DI6" s="684"/>
      <c r="DJ6" s="684"/>
      <c r="DK6" s="684"/>
      <c r="DL6" s="684"/>
      <c r="DM6" s="684"/>
      <c r="DN6" s="684"/>
      <c r="DO6" s="684"/>
      <c r="DP6" s="685"/>
      <c r="DQ6" s="692">
        <v>
743269</v>
      </c>
      <c r="DR6" s="684"/>
      <c r="DS6" s="684"/>
      <c r="DT6" s="684"/>
      <c r="DU6" s="684"/>
      <c r="DV6" s="684"/>
      <c r="DW6" s="684"/>
      <c r="DX6" s="684"/>
      <c r="DY6" s="684"/>
      <c r="DZ6" s="684"/>
      <c r="EA6" s="684"/>
      <c r="EB6" s="684"/>
      <c r="EC6" s="693"/>
    </row>
    <row r="7" spans="2:143" ht="11.25" customHeight="1" x14ac:dyDescent="0.2">
      <c r="B7" s="680" t="s">
        <v>
243</v>
      </c>
      <c r="C7" s="681"/>
      <c r="D7" s="681"/>
      <c r="E7" s="681"/>
      <c r="F7" s="681"/>
      <c r="G7" s="681"/>
      <c r="H7" s="681"/>
      <c r="I7" s="681"/>
      <c r="J7" s="681"/>
      <c r="K7" s="681"/>
      <c r="L7" s="681"/>
      <c r="M7" s="681"/>
      <c r="N7" s="681"/>
      <c r="O7" s="681"/>
      <c r="P7" s="681"/>
      <c r="Q7" s="682"/>
      <c r="R7" s="683">
        <v>
137300</v>
      </c>
      <c r="S7" s="684"/>
      <c r="T7" s="684"/>
      <c r="U7" s="684"/>
      <c r="V7" s="684"/>
      <c r="W7" s="684"/>
      <c r="X7" s="684"/>
      <c r="Y7" s="685"/>
      <c r="Z7" s="686">
        <v>
0.1</v>
      </c>
      <c r="AA7" s="686"/>
      <c r="AB7" s="686"/>
      <c r="AC7" s="686"/>
      <c r="AD7" s="687">
        <v>
137300</v>
      </c>
      <c r="AE7" s="687"/>
      <c r="AF7" s="687"/>
      <c r="AG7" s="687"/>
      <c r="AH7" s="687"/>
      <c r="AI7" s="687"/>
      <c r="AJ7" s="687"/>
      <c r="AK7" s="687"/>
      <c r="AL7" s="688">
        <v>
0.1</v>
      </c>
      <c r="AM7" s="689"/>
      <c r="AN7" s="689"/>
      <c r="AO7" s="690"/>
      <c r="AP7" s="680" t="s">
        <v>
244</v>
      </c>
      <c r="AQ7" s="681"/>
      <c r="AR7" s="681"/>
      <c r="AS7" s="681"/>
      <c r="AT7" s="681"/>
      <c r="AU7" s="681"/>
      <c r="AV7" s="681"/>
      <c r="AW7" s="681"/>
      <c r="AX7" s="681"/>
      <c r="AY7" s="681"/>
      <c r="AZ7" s="681"/>
      <c r="BA7" s="681"/>
      <c r="BB7" s="681"/>
      <c r="BC7" s="681"/>
      <c r="BD7" s="681"/>
      <c r="BE7" s="681"/>
      <c r="BF7" s="682"/>
      <c r="BG7" s="683">
        <v>
44635169</v>
      </c>
      <c r="BH7" s="684"/>
      <c r="BI7" s="684"/>
      <c r="BJ7" s="684"/>
      <c r="BK7" s="684"/>
      <c r="BL7" s="684"/>
      <c r="BM7" s="684"/>
      <c r="BN7" s="685"/>
      <c r="BO7" s="686">
        <v>
89.4</v>
      </c>
      <c r="BP7" s="686"/>
      <c r="BQ7" s="686"/>
      <c r="BR7" s="686"/>
      <c r="BS7" s="687" t="s">
        <v>
242</v>
      </c>
      <c r="BT7" s="687"/>
      <c r="BU7" s="687"/>
      <c r="BV7" s="687"/>
      <c r="BW7" s="687"/>
      <c r="BX7" s="687"/>
      <c r="BY7" s="687"/>
      <c r="BZ7" s="687"/>
      <c r="CA7" s="687"/>
      <c r="CB7" s="691"/>
      <c r="CD7" s="698" t="s">
        <v>
245</v>
      </c>
      <c r="CE7" s="699"/>
      <c r="CF7" s="699"/>
      <c r="CG7" s="699"/>
      <c r="CH7" s="699"/>
      <c r="CI7" s="699"/>
      <c r="CJ7" s="699"/>
      <c r="CK7" s="699"/>
      <c r="CL7" s="699"/>
      <c r="CM7" s="699"/>
      <c r="CN7" s="699"/>
      <c r="CO7" s="699"/>
      <c r="CP7" s="699"/>
      <c r="CQ7" s="700"/>
      <c r="CR7" s="683">
        <v>
19270560</v>
      </c>
      <c r="CS7" s="684"/>
      <c r="CT7" s="684"/>
      <c r="CU7" s="684"/>
      <c r="CV7" s="684"/>
      <c r="CW7" s="684"/>
      <c r="CX7" s="684"/>
      <c r="CY7" s="685"/>
      <c r="CZ7" s="686">
        <v>
13.2</v>
      </c>
      <c r="DA7" s="686"/>
      <c r="DB7" s="686"/>
      <c r="DC7" s="686"/>
      <c r="DD7" s="692">
        <v>
702276</v>
      </c>
      <c r="DE7" s="684"/>
      <c r="DF7" s="684"/>
      <c r="DG7" s="684"/>
      <c r="DH7" s="684"/>
      <c r="DI7" s="684"/>
      <c r="DJ7" s="684"/>
      <c r="DK7" s="684"/>
      <c r="DL7" s="684"/>
      <c r="DM7" s="684"/>
      <c r="DN7" s="684"/>
      <c r="DO7" s="684"/>
      <c r="DP7" s="685"/>
      <c r="DQ7" s="692">
        <v>
17400888</v>
      </c>
      <c r="DR7" s="684"/>
      <c r="DS7" s="684"/>
      <c r="DT7" s="684"/>
      <c r="DU7" s="684"/>
      <c r="DV7" s="684"/>
      <c r="DW7" s="684"/>
      <c r="DX7" s="684"/>
      <c r="DY7" s="684"/>
      <c r="DZ7" s="684"/>
      <c r="EA7" s="684"/>
      <c r="EB7" s="684"/>
      <c r="EC7" s="693"/>
    </row>
    <row r="8" spans="2:143" ht="11.25" customHeight="1" x14ac:dyDescent="0.2">
      <c r="B8" s="680" t="s">
        <v>
246</v>
      </c>
      <c r="C8" s="681"/>
      <c r="D8" s="681"/>
      <c r="E8" s="681"/>
      <c r="F8" s="681"/>
      <c r="G8" s="681"/>
      <c r="H8" s="681"/>
      <c r="I8" s="681"/>
      <c r="J8" s="681"/>
      <c r="K8" s="681"/>
      <c r="L8" s="681"/>
      <c r="M8" s="681"/>
      <c r="N8" s="681"/>
      <c r="O8" s="681"/>
      <c r="P8" s="681"/>
      <c r="Q8" s="682"/>
      <c r="R8" s="683">
        <v>
685445</v>
      </c>
      <c r="S8" s="684"/>
      <c r="T8" s="684"/>
      <c r="U8" s="684"/>
      <c r="V8" s="684"/>
      <c r="W8" s="684"/>
      <c r="X8" s="684"/>
      <c r="Y8" s="685"/>
      <c r="Z8" s="686">
        <v>
0.5</v>
      </c>
      <c r="AA8" s="686"/>
      <c r="AB8" s="686"/>
      <c r="AC8" s="686"/>
      <c r="AD8" s="687">
        <v>
685445</v>
      </c>
      <c r="AE8" s="687"/>
      <c r="AF8" s="687"/>
      <c r="AG8" s="687"/>
      <c r="AH8" s="687"/>
      <c r="AI8" s="687"/>
      <c r="AJ8" s="687"/>
      <c r="AK8" s="687"/>
      <c r="AL8" s="688">
        <v>
0.7</v>
      </c>
      <c r="AM8" s="689"/>
      <c r="AN8" s="689"/>
      <c r="AO8" s="690"/>
      <c r="AP8" s="680" t="s">
        <v>
247</v>
      </c>
      <c r="AQ8" s="681"/>
      <c r="AR8" s="681"/>
      <c r="AS8" s="681"/>
      <c r="AT8" s="681"/>
      <c r="AU8" s="681"/>
      <c r="AV8" s="681"/>
      <c r="AW8" s="681"/>
      <c r="AX8" s="681"/>
      <c r="AY8" s="681"/>
      <c r="AZ8" s="681"/>
      <c r="BA8" s="681"/>
      <c r="BB8" s="681"/>
      <c r="BC8" s="681"/>
      <c r="BD8" s="681"/>
      <c r="BE8" s="681"/>
      <c r="BF8" s="682"/>
      <c r="BG8" s="683">
        <v>
693373</v>
      </c>
      <c r="BH8" s="684"/>
      <c r="BI8" s="684"/>
      <c r="BJ8" s="684"/>
      <c r="BK8" s="684"/>
      <c r="BL8" s="684"/>
      <c r="BM8" s="684"/>
      <c r="BN8" s="685"/>
      <c r="BO8" s="686">
        <v>
1.4</v>
      </c>
      <c r="BP8" s="686"/>
      <c r="BQ8" s="686"/>
      <c r="BR8" s="686"/>
      <c r="BS8" s="692" t="s">
        <v>
242</v>
      </c>
      <c r="BT8" s="684"/>
      <c r="BU8" s="684"/>
      <c r="BV8" s="684"/>
      <c r="BW8" s="684"/>
      <c r="BX8" s="684"/>
      <c r="BY8" s="684"/>
      <c r="BZ8" s="684"/>
      <c r="CA8" s="684"/>
      <c r="CB8" s="693"/>
      <c r="CD8" s="698" t="s">
        <v>
248</v>
      </c>
      <c r="CE8" s="699"/>
      <c r="CF8" s="699"/>
      <c r="CG8" s="699"/>
      <c r="CH8" s="699"/>
      <c r="CI8" s="699"/>
      <c r="CJ8" s="699"/>
      <c r="CK8" s="699"/>
      <c r="CL8" s="699"/>
      <c r="CM8" s="699"/>
      <c r="CN8" s="699"/>
      <c r="CO8" s="699"/>
      <c r="CP8" s="699"/>
      <c r="CQ8" s="700"/>
      <c r="CR8" s="683">
        <v>
79795300</v>
      </c>
      <c r="CS8" s="684"/>
      <c r="CT8" s="684"/>
      <c r="CU8" s="684"/>
      <c r="CV8" s="684"/>
      <c r="CW8" s="684"/>
      <c r="CX8" s="684"/>
      <c r="CY8" s="685"/>
      <c r="CZ8" s="686">
        <v>
54.6</v>
      </c>
      <c r="DA8" s="686"/>
      <c r="DB8" s="686"/>
      <c r="DC8" s="686"/>
      <c r="DD8" s="692">
        <v>
1355219</v>
      </c>
      <c r="DE8" s="684"/>
      <c r="DF8" s="684"/>
      <c r="DG8" s="684"/>
      <c r="DH8" s="684"/>
      <c r="DI8" s="684"/>
      <c r="DJ8" s="684"/>
      <c r="DK8" s="684"/>
      <c r="DL8" s="684"/>
      <c r="DM8" s="684"/>
      <c r="DN8" s="684"/>
      <c r="DO8" s="684"/>
      <c r="DP8" s="685"/>
      <c r="DQ8" s="692">
        <v>
42509118</v>
      </c>
      <c r="DR8" s="684"/>
      <c r="DS8" s="684"/>
      <c r="DT8" s="684"/>
      <c r="DU8" s="684"/>
      <c r="DV8" s="684"/>
      <c r="DW8" s="684"/>
      <c r="DX8" s="684"/>
      <c r="DY8" s="684"/>
      <c r="DZ8" s="684"/>
      <c r="EA8" s="684"/>
      <c r="EB8" s="684"/>
      <c r="EC8" s="693"/>
    </row>
    <row r="9" spans="2:143" ht="11.25" customHeight="1" x14ac:dyDescent="0.2">
      <c r="B9" s="680" t="s">
        <v>
249</v>
      </c>
      <c r="C9" s="681"/>
      <c r="D9" s="681"/>
      <c r="E9" s="681"/>
      <c r="F9" s="681"/>
      <c r="G9" s="681"/>
      <c r="H9" s="681"/>
      <c r="I9" s="681"/>
      <c r="J9" s="681"/>
      <c r="K9" s="681"/>
      <c r="L9" s="681"/>
      <c r="M9" s="681"/>
      <c r="N9" s="681"/>
      <c r="O9" s="681"/>
      <c r="P9" s="681"/>
      <c r="Q9" s="682"/>
      <c r="R9" s="683">
        <v>
425780</v>
      </c>
      <c r="S9" s="684"/>
      <c r="T9" s="684"/>
      <c r="U9" s="684"/>
      <c r="V9" s="684"/>
      <c r="W9" s="684"/>
      <c r="X9" s="684"/>
      <c r="Y9" s="685"/>
      <c r="Z9" s="686">
        <v>
0.3</v>
      </c>
      <c r="AA9" s="686"/>
      <c r="AB9" s="686"/>
      <c r="AC9" s="686"/>
      <c r="AD9" s="687">
        <v>
425780</v>
      </c>
      <c r="AE9" s="687"/>
      <c r="AF9" s="687"/>
      <c r="AG9" s="687"/>
      <c r="AH9" s="687"/>
      <c r="AI9" s="687"/>
      <c r="AJ9" s="687"/>
      <c r="AK9" s="687"/>
      <c r="AL9" s="688">
        <v>
0.5</v>
      </c>
      <c r="AM9" s="689"/>
      <c r="AN9" s="689"/>
      <c r="AO9" s="690"/>
      <c r="AP9" s="680" t="s">
        <v>
250</v>
      </c>
      <c r="AQ9" s="681"/>
      <c r="AR9" s="681"/>
      <c r="AS9" s="681"/>
      <c r="AT9" s="681"/>
      <c r="AU9" s="681"/>
      <c r="AV9" s="681"/>
      <c r="AW9" s="681"/>
      <c r="AX9" s="681"/>
      <c r="AY9" s="681"/>
      <c r="AZ9" s="681"/>
      <c r="BA9" s="681"/>
      <c r="BB9" s="681"/>
      <c r="BC9" s="681"/>
      <c r="BD9" s="681"/>
      <c r="BE9" s="681"/>
      <c r="BF9" s="682"/>
      <c r="BG9" s="683">
        <v>
43941796</v>
      </c>
      <c r="BH9" s="684"/>
      <c r="BI9" s="684"/>
      <c r="BJ9" s="684"/>
      <c r="BK9" s="684"/>
      <c r="BL9" s="684"/>
      <c r="BM9" s="684"/>
      <c r="BN9" s="685"/>
      <c r="BO9" s="686">
        <v>
88.1</v>
      </c>
      <c r="BP9" s="686"/>
      <c r="BQ9" s="686"/>
      <c r="BR9" s="686"/>
      <c r="BS9" s="692" t="s">
        <v>
178</v>
      </c>
      <c r="BT9" s="684"/>
      <c r="BU9" s="684"/>
      <c r="BV9" s="684"/>
      <c r="BW9" s="684"/>
      <c r="BX9" s="684"/>
      <c r="BY9" s="684"/>
      <c r="BZ9" s="684"/>
      <c r="CA9" s="684"/>
      <c r="CB9" s="693"/>
      <c r="CD9" s="698" t="s">
        <v>
251</v>
      </c>
      <c r="CE9" s="699"/>
      <c r="CF9" s="699"/>
      <c r="CG9" s="699"/>
      <c r="CH9" s="699"/>
      <c r="CI9" s="699"/>
      <c r="CJ9" s="699"/>
      <c r="CK9" s="699"/>
      <c r="CL9" s="699"/>
      <c r="CM9" s="699"/>
      <c r="CN9" s="699"/>
      <c r="CO9" s="699"/>
      <c r="CP9" s="699"/>
      <c r="CQ9" s="700"/>
      <c r="CR9" s="683">
        <v>
13508118</v>
      </c>
      <c r="CS9" s="684"/>
      <c r="CT9" s="684"/>
      <c r="CU9" s="684"/>
      <c r="CV9" s="684"/>
      <c r="CW9" s="684"/>
      <c r="CX9" s="684"/>
      <c r="CY9" s="685"/>
      <c r="CZ9" s="686">
        <v>
9.1999999999999993</v>
      </c>
      <c r="DA9" s="686"/>
      <c r="DB9" s="686"/>
      <c r="DC9" s="686"/>
      <c r="DD9" s="692">
        <v>
410111</v>
      </c>
      <c r="DE9" s="684"/>
      <c r="DF9" s="684"/>
      <c r="DG9" s="684"/>
      <c r="DH9" s="684"/>
      <c r="DI9" s="684"/>
      <c r="DJ9" s="684"/>
      <c r="DK9" s="684"/>
      <c r="DL9" s="684"/>
      <c r="DM9" s="684"/>
      <c r="DN9" s="684"/>
      <c r="DO9" s="684"/>
      <c r="DP9" s="685"/>
      <c r="DQ9" s="692">
        <v>
11396282</v>
      </c>
      <c r="DR9" s="684"/>
      <c r="DS9" s="684"/>
      <c r="DT9" s="684"/>
      <c r="DU9" s="684"/>
      <c r="DV9" s="684"/>
      <c r="DW9" s="684"/>
      <c r="DX9" s="684"/>
      <c r="DY9" s="684"/>
      <c r="DZ9" s="684"/>
      <c r="EA9" s="684"/>
      <c r="EB9" s="684"/>
      <c r="EC9" s="693"/>
    </row>
    <row r="10" spans="2:143" ht="11.25" customHeight="1" x14ac:dyDescent="0.2">
      <c r="B10" s="680" t="s">
        <v>
252</v>
      </c>
      <c r="C10" s="681"/>
      <c r="D10" s="681"/>
      <c r="E10" s="681"/>
      <c r="F10" s="681"/>
      <c r="G10" s="681"/>
      <c r="H10" s="681"/>
      <c r="I10" s="681"/>
      <c r="J10" s="681"/>
      <c r="K10" s="681"/>
      <c r="L10" s="681"/>
      <c r="M10" s="681"/>
      <c r="N10" s="681"/>
      <c r="O10" s="681"/>
      <c r="P10" s="681"/>
      <c r="Q10" s="682"/>
      <c r="R10" s="683" t="s">
        <v>
242</v>
      </c>
      <c r="S10" s="684"/>
      <c r="T10" s="684"/>
      <c r="U10" s="684"/>
      <c r="V10" s="684"/>
      <c r="W10" s="684"/>
      <c r="X10" s="684"/>
      <c r="Y10" s="685"/>
      <c r="Z10" s="686" t="s">
        <v>
242</v>
      </c>
      <c r="AA10" s="686"/>
      <c r="AB10" s="686"/>
      <c r="AC10" s="686"/>
      <c r="AD10" s="687" t="s">
        <v>
178</v>
      </c>
      <c r="AE10" s="687"/>
      <c r="AF10" s="687"/>
      <c r="AG10" s="687"/>
      <c r="AH10" s="687"/>
      <c r="AI10" s="687"/>
      <c r="AJ10" s="687"/>
      <c r="AK10" s="687"/>
      <c r="AL10" s="688" t="s">
        <v>
178</v>
      </c>
      <c r="AM10" s="689"/>
      <c r="AN10" s="689"/>
      <c r="AO10" s="690"/>
      <c r="AP10" s="680" t="s">
        <v>
253</v>
      </c>
      <c r="AQ10" s="681"/>
      <c r="AR10" s="681"/>
      <c r="AS10" s="681"/>
      <c r="AT10" s="681"/>
      <c r="AU10" s="681"/>
      <c r="AV10" s="681"/>
      <c r="AW10" s="681"/>
      <c r="AX10" s="681"/>
      <c r="AY10" s="681"/>
      <c r="AZ10" s="681"/>
      <c r="BA10" s="681"/>
      <c r="BB10" s="681"/>
      <c r="BC10" s="681"/>
      <c r="BD10" s="681"/>
      <c r="BE10" s="681"/>
      <c r="BF10" s="682"/>
      <c r="BG10" s="683" t="s">
        <v>
242</v>
      </c>
      <c r="BH10" s="684"/>
      <c r="BI10" s="684"/>
      <c r="BJ10" s="684"/>
      <c r="BK10" s="684"/>
      <c r="BL10" s="684"/>
      <c r="BM10" s="684"/>
      <c r="BN10" s="685"/>
      <c r="BO10" s="686" t="s">
        <v>
242</v>
      </c>
      <c r="BP10" s="686"/>
      <c r="BQ10" s="686"/>
      <c r="BR10" s="686"/>
      <c r="BS10" s="692" t="s">
        <v>
242</v>
      </c>
      <c r="BT10" s="684"/>
      <c r="BU10" s="684"/>
      <c r="BV10" s="684"/>
      <c r="BW10" s="684"/>
      <c r="BX10" s="684"/>
      <c r="BY10" s="684"/>
      <c r="BZ10" s="684"/>
      <c r="CA10" s="684"/>
      <c r="CB10" s="693"/>
      <c r="CD10" s="698" t="s">
        <v>
254</v>
      </c>
      <c r="CE10" s="699"/>
      <c r="CF10" s="699"/>
      <c r="CG10" s="699"/>
      <c r="CH10" s="699"/>
      <c r="CI10" s="699"/>
      <c r="CJ10" s="699"/>
      <c r="CK10" s="699"/>
      <c r="CL10" s="699"/>
      <c r="CM10" s="699"/>
      <c r="CN10" s="699"/>
      <c r="CO10" s="699"/>
      <c r="CP10" s="699"/>
      <c r="CQ10" s="700"/>
      <c r="CR10" s="683">
        <v>
1154130</v>
      </c>
      <c r="CS10" s="684"/>
      <c r="CT10" s="684"/>
      <c r="CU10" s="684"/>
      <c r="CV10" s="684"/>
      <c r="CW10" s="684"/>
      <c r="CX10" s="684"/>
      <c r="CY10" s="685"/>
      <c r="CZ10" s="686">
        <v>
0.8</v>
      </c>
      <c r="DA10" s="686"/>
      <c r="DB10" s="686"/>
      <c r="DC10" s="686"/>
      <c r="DD10" s="692" t="s">
        <v>
178</v>
      </c>
      <c r="DE10" s="684"/>
      <c r="DF10" s="684"/>
      <c r="DG10" s="684"/>
      <c r="DH10" s="684"/>
      <c r="DI10" s="684"/>
      <c r="DJ10" s="684"/>
      <c r="DK10" s="684"/>
      <c r="DL10" s="684"/>
      <c r="DM10" s="684"/>
      <c r="DN10" s="684"/>
      <c r="DO10" s="684"/>
      <c r="DP10" s="685"/>
      <c r="DQ10" s="692">
        <v>
877979</v>
      </c>
      <c r="DR10" s="684"/>
      <c r="DS10" s="684"/>
      <c r="DT10" s="684"/>
      <c r="DU10" s="684"/>
      <c r="DV10" s="684"/>
      <c r="DW10" s="684"/>
      <c r="DX10" s="684"/>
      <c r="DY10" s="684"/>
      <c r="DZ10" s="684"/>
      <c r="EA10" s="684"/>
      <c r="EB10" s="684"/>
      <c r="EC10" s="693"/>
    </row>
    <row r="11" spans="2:143" ht="11.25" customHeight="1" x14ac:dyDescent="0.2">
      <c r="B11" s="680" t="s">
        <v>
255</v>
      </c>
      <c r="C11" s="681"/>
      <c r="D11" s="681"/>
      <c r="E11" s="681"/>
      <c r="F11" s="681"/>
      <c r="G11" s="681"/>
      <c r="H11" s="681"/>
      <c r="I11" s="681"/>
      <c r="J11" s="681"/>
      <c r="K11" s="681"/>
      <c r="L11" s="681"/>
      <c r="M11" s="681"/>
      <c r="N11" s="681"/>
      <c r="O11" s="681"/>
      <c r="P11" s="681"/>
      <c r="Q11" s="682"/>
      <c r="R11" s="683">
        <v>
10173690</v>
      </c>
      <c r="S11" s="684"/>
      <c r="T11" s="684"/>
      <c r="U11" s="684"/>
      <c r="V11" s="684"/>
      <c r="W11" s="684"/>
      <c r="X11" s="684"/>
      <c r="Y11" s="685"/>
      <c r="Z11" s="688">
        <v>
6.8</v>
      </c>
      <c r="AA11" s="689"/>
      <c r="AB11" s="689"/>
      <c r="AC11" s="701"/>
      <c r="AD11" s="692">
        <v>
10173690</v>
      </c>
      <c r="AE11" s="684"/>
      <c r="AF11" s="684"/>
      <c r="AG11" s="684"/>
      <c r="AH11" s="684"/>
      <c r="AI11" s="684"/>
      <c r="AJ11" s="684"/>
      <c r="AK11" s="685"/>
      <c r="AL11" s="688">
        <v>
10.9</v>
      </c>
      <c r="AM11" s="689"/>
      <c r="AN11" s="689"/>
      <c r="AO11" s="690"/>
      <c r="AP11" s="680" t="s">
        <v>
256</v>
      </c>
      <c r="AQ11" s="681"/>
      <c r="AR11" s="681"/>
      <c r="AS11" s="681"/>
      <c r="AT11" s="681"/>
      <c r="AU11" s="681"/>
      <c r="AV11" s="681"/>
      <c r="AW11" s="681"/>
      <c r="AX11" s="681"/>
      <c r="AY11" s="681"/>
      <c r="AZ11" s="681"/>
      <c r="BA11" s="681"/>
      <c r="BB11" s="681"/>
      <c r="BC11" s="681"/>
      <c r="BD11" s="681"/>
      <c r="BE11" s="681"/>
      <c r="BF11" s="682"/>
      <c r="BG11" s="683" t="s">
        <v>
178</v>
      </c>
      <c r="BH11" s="684"/>
      <c r="BI11" s="684"/>
      <c r="BJ11" s="684"/>
      <c r="BK11" s="684"/>
      <c r="BL11" s="684"/>
      <c r="BM11" s="684"/>
      <c r="BN11" s="685"/>
      <c r="BO11" s="686" t="s">
        <v>
178</v>
      </c>
      <c r="BP11" s="686"/>
      <c r="BQ11" s="686"/>
      <c r="BR11" s="686"/>
      <c r="BS11" s="692" t="s">
        <v>
178</v>
      </c>
      <c r="BT11" s="684"/>
      <c r="BU11" s="684"/>
      <c r="BV11" s="684"/>
      <c r="BW11" s="684"/>
      <c r="BX11" s="684"/>
      <c r="BY11" s="684"/>
      <c r="BZ11" s="684"/>
      <c r="CA11" s="684"/>
      <c r="CB11" s="693"/>
      <c r="CD11" s="698" t="s">
        <v>
257</v>
      </c>
      <c r="CE11" s="699"/>
      <c r="CF11" s="699"/>
      <c r="CG11" s="699"/>
      <c r="CH11" s="699"/>
      <c r="CI11" s="699"/>
      <c r="CJ11" s="699"/>
      <c r="CK11" s="699"/>
      <c r="CL11" s="699"/>
      <c r="CM11" s="699"/>
      <c r="CN11" s="699"/>
      <c r="CO11" s="699"/>
      <c r="CP11" s="699"/>
      <c r="CQ11" s="700"/>
      <c r="CR11" s="683" t="s">
        <v>
178</v>
      </c>
      <c r="CS11" s="684"/>
      <c r="CT11" s="684"/>
      <c r="CU11" s="684"/>
      <c r="CV11" s="684"/>
      <c r="CW11" s="684"/>
      <c r="CX11" s="684"/>
      <c r="CY11" s="685"/>
      <c r="CZ11" s="686" t="s">
        <v>
178</v>
      </c>
      <c r="DA11" s="686"/>
      <c r="DB11" s="686"/>
      <c r="DC11" s="686"/>
      <c r="DD11" s="692" t="s">
        <v>
178</v>
      </c>
      <c r="DE11" s="684"/>
      <c r="DF11" s="684"/>
      <c r="DG11" s="684"/>
      <c r="DH11" s="684"/>
      <c r="DI11" s="684"/>
      <c r="DJ11" s="684"/>
      <c r="DK11" s="684"/>
      <c r="DL11" s="684"/>
      <c r="DM11" s="684"/>
      <c r="DN11" s="684"/>
      <c r="DO11" s="684"/>
      <c r="DP11" s="685"/>
      <c r="DQ11" s="692" t="s">
        <v>
242</v>
      </c>
      <c r="DR11" s="684"/>
      <c r="DS11" s="684"/>
      <c r="DT11" s="684"/>
      <c r="DU11" s="684"/>
      <c r="DV11" s="684"/>
      <c r="DW11" s="684"/>
      <c r="DX11" s="684"/>
      <c r="DY11" s="684"/>
      <c r="DZ11" s="684"/>
      <c r="EA11" s="684"/>
      <c r="EB11" s="684"/>
      <c r="EC11" s="693"/>
    </row>
    <row r="12" spans="2:143" ht="11.25" customHeight="1" x14ac:dyDescent="0.2">
      <c r="B12" s="680" t="s">
        <v>
258</v>
      </c>
      <c r="C12" s="681"/>
      <c r="D12" s="681"/>
      <c r="E12" s="681"/>
      <c r="F12" s="681"/>
      <c r="G12" s="681"/>
      <c r="H12" s="681"/>
      <c r="I12" s="681"/>
      <c r="J12" s="681"/>
      <c r="K12" s="681"/>
      <c r="L12" s="681"/>
      <c r="M12" s="681"/>
      <c r="N12" s="681"/>
      <c r="O12" s="681"/>
      <c r="P12" s="681"/>
      <c r="Q12" s="682"/>
      <c r="R12" s="683" t="s">
        <v>
242</v>
      </c>
      <c r="S12" s="684"/>
      <c r="T12" s="684"/>
      <c r="U12" s="684"/>
      <c r="V12" s="684"/>
      <c r="W12" s="684"/>
      <c r="X12" s="684"/>
      <c r="Y12" s="685"/>
      <c r="Z12" s="686" t="s">
        <v>
178</v>
      </c>
      <c r="AA12" s="686"/>
      <c r="AB12" s="686"/>
      <c r="AC12" s="686"/>
      <c r="AD12" s="687" t="s">
        <v>
242</v>
      </c>
      <c r="AE12" s="687"/>
      <c r="AF12" s="687"/>
      <c r="AG12" s="687"/>
      <c r="AH12" s="687"/>
      <c r="AI12" s="687"/>
      <c r="AJ12" s="687"/>
      <c r="AK12" s="687"/>
      <c r="AL12" s="688" t="s">
        <v>
178</v>
      </c>
      <c r="AM12" s="689"/>
      <c r="AN12" s="689"/>
      <c r="AO12" s="690"/>
      <c r="AP12" s="680" t="s">
        <v>
259</v>
      </c>
      <c r="AQ12" s="681"/>
      <c r="AR12" s="681"/>
      <c r="AS12" s="681"/>
      <c r="AT12" s="681"/>
      <c r="AU12" s="681"/>
      <c r="AV12" s="681"/>
      <c r="AW12" s="681"/>
      <c r="AX12" s="681"/>
      <c r="AY12" s="681"/>
      <c r="AZ12" s="681"/>
      <c r="BA12" s="681"/>
      <c r="BB12" s="681"/>
      <c r="BC12" s="681"/>
      <c r="BD12" s="681"/>
      <c r="BE12" s="681"/>
      <c r="BF12" s="682"/>
      <c r="BG12" s="683" t="s">
        <v>
242</v>
      </c>
      <c r="BH12" s="684"/>
      <c r="BI12" s="684"/>
      <c r="BJ12" s="684"/>
      <c r="BK12" s="684"/>
      <c r="BL12" s="684"/>
      <c r="BM12" s="684"/>
      <c r="BN12" s="685"/>
      <c r="BO12" s="686" t="s">
        <v>
178</v>
      </c>
      <c r="BP12" s="686"/>
      <c r="BQ12" s="686"/>
      <c r="BR12" s="686"/>
      <c r="BS12" s="692" t="s">
        <v>
242</v>
      </c>
      <c r="BT12" s="684"/>
      <c r="BU12" s="684"/>
      <c r="BV12" s="684"/>
      <c r="BW12" s="684"/>
      <c r="BX12" s="684"/>
      <c r="BY12" s="684"/>
      <c r="BZ12" s="684"/>
      <c r="CA12" s="684"/>
      <c r="CB12" s="693"/>
      <c r="CD12" s="698" t="s">
        <v>
260</v>
      </c>
      <c r="CE12" s="699"/>
      <c r="CF12" s="699"/>
      <c r="CG12" s="699"/>
      <c r="CH12" s="699"/>
      <c r="CI12" s="699"/>
      <c r="CJ12" s="699"/>
      <c r="CK12" s="699"/>
      <c r="CL12" s="699"/>
      <c r="CM12" s="699"/>
      <c r="CN12" s="699"/>
      <c r="CO12" s="699"/>
      <c r="CP12" s="699"/>
      <c r="CQ12" s="700"/>
      <c r="CR12" s="683">
        <v>
2528321</v>
      </c>
      <c r="CS12" s="684"/>
      <c r="CT12" s="684"/>
      <c r="CU12" s="684"/>
      <c r="CV12" s="684"/>
      <c r="CW12" s="684"/>
      <c r="CX12" s="684"/>
      <c r="CY12" s="685"/>
      <c r="CZ12" s="686">
        <v>
1.7</v>
      </c>
      <c r="DA12" s="686"/>
      <c r="DB12" s="686"/>
      <c r="DC12" s="686"/>
      <c r="DD12" s="692">
        <v>
98693</v>
      </c>
      <c r="DE12" s="684"/>
      <c r="DF12" s="684"/>
      <c r="DG12" s="684"/>
      <c r="DH12" s="684"/>
      <c r="DI12" s="684"/>
      <c r="DJ12" s="684"/>
      <c r="DK12" s="684"/>
      <c r="DL12" s="684"/>
      <c r="DM12" s="684"/>
      <c r="DN12" s="684"/>
      <c r="DO12" s="684"/>
      <c r="DP12" s="685"/>
      <c r="DQ12" s="692">
        <v>
903249</v>
      </c>
      <c r="DR12" s="684"/>
      <c r="DS12" s="684"/>
      <c r="DT12" s="684"/>
      <c r="DU12" s="684"/>
      <c r="DV12" s="684"/>
      <c r="DW12" s="684"/>
      <c r="DX12" s="684"/>
      <c r="DY12" s="684"/>
      <c r="DZ12" s="684"/>
      <c r="EA12" s="684"/>
      <c r="EB12" s="684"/>
      <c r="EC12" s="693"/>
    </row>
    <row r="13" spans="2:143" ht="11.25" customHeight="1" x14ac:dyDescent="0.2">
      <c r="B13" s="680" t="s">
        <v>
261</v>
      </c>
      <c r="C13" s="681"/>
      <c r="D13" s="681"/>
      <c r="E13" s="681"/>
      <c r="F13" s="681"/>
      <c r="G13" s="681"/>
      <c r="H13" s="681"/>
      <c r="I13" s="681"/>
      <c r="J13" s="681"/>
      <c r="K13" s="681"/>
      <c r="L13" s="681"/>
      <c r="M13" s="681"/>
      <c r="N13" s="681"/>
      <c r="O13" s="681"/>
      <c r="P13" s="681"/>
      <c r="Q13" s="682"/>
      <c r="R13" s="683" t="s">
        <v>
242</v>
      </c>
      <c r="S13" s="684"/>
      <c r="T13" s="684"/>
      <c r="U13" s="684"/>
      <c r="V13" s="684"/>
      <c r="W13" s="684"/>
      <c r="X13" s="684"/>
      <c r="Y13" s="685"/>
      <c r="Z13" s="686" t="s">
        <v>
178</v>
      </c>
      <c r="AA13" s="686"/>
      <c r="AB13" s="686"/>
      <c r="AC13" s="686"/>
      <c r="AD13" s="687" t="s">
        <v>
178</v>
      </c>
      <c r="AE13" s="687"/>
      <c r="AF13" s="687"/>
      <c r="AG13" s="687"/>
      <c r="AH13" s="687"/>
      <c r="AI13" s="687"/>
      <c r="AJ13" s="687"/>
      <c r="AK13" s="687"/>
      <c r="AL13" s="688" t="s">
        <v>
178</v>
      </c>
      <c r="AM13" s="689"/>
      <c r="AN13" s="689"/>
      <c r="AO13" s="690"/>
      <c r="AP13" s="680" t="s">
        <v>
262</v>
      </c>
      <c r="AQ13" s="681"/>
      <c r="AR13" s="681"/>
      <c r="AS13" s="681"/>
      <c r="AT13" s="681"/>
      <c r="AU13" s="681"/>
      <c r="AV13" s="681"/>
      <c r="AW13" s="681"/>
      <c r="AX13" s="681"/>
      <c r="AY13" s="681"/>
      <c r="AZ13" s="681"/>
      <c r="BA13" s="681"/>
      <c r="BB13" s="681"/>
      <c r="BC13" s="681"/>
      <c r="BD13" s="681"/>
      <c r="BE13" s="681"/>
      <c r="BF13" s="682"/>
      <c r="BG13" s="683" t="s">
        <v>
242</v>
      </c>
      <c r="BH13" s="684"/>
      <c r="BI13" s="684"/>
      <c r="BJ13" s="684"/>
      <c r="BK13" s="684"/>
      <c r="BL13" s="684"/>
      <c r="BM13" s="684"/>
      <c r="BN13" s="685"/>
      <c r="BO13" s="686" t="s">
        <v>
242</v>
      </c>
      <c r="BP13" s="686"/>
      <c r="BQ13" s="686"/>
      <c r="BR13" s="686"/>
      <c r="BS13" s="692" t="s">
        <v>
178</v>
      </c>
      <c r="BT13" s="684"/>
      <c r="BU13" s="684"/>
      <c r="BV13" s="684"/>
      <c r="BW13" s="684"/>
      <c r="BX13" s="684"/>
      <c r="BY13" s="684"/>
      <c r="BZ13" s="684"/>
      <c r="CA13" s="684"/>
      <c r="CB13" s="693"/>
      <c r="CD13" s="698" t="s">
        <v>
263</v>
      </c>
      <c r="CE13" s="699"/>
      <c r="CF13" s="699"/>
      <c r="CG13" s="699"/>
      <c r="CH13" s="699"/>
      <c r="CI13" s="699"/>
      <c r="CJ13" s="699"/>
      <c r="CK13" s="699"/>
      <c r="CL13" s="699"/>
      <c r="CM13" s="699"/>
      <c r="CN13" s="699"/>
      <c r="CO13" s="699"/>
      <c r="CP13" s="699"/>
      <c r="CQ13" s="700"/>
      <c r="CR13" s="683">
        <v>
12358559</v>
      </c>
      <c r="CS13" s="684"/>
      <c r="CT13" s="684"/>
      <c r="CU13" s="684"/>
      <c r="CV13" s="684"/>
      <c r="CW13" s="684"/>
      <c r="CX13" s="684"/>
      <c r="CY13" s="685"/>
      <c r="CZ13" s="686">
        <v>
8.5</v>
      </c>
      <c r="DA13" s="686"/>
      <c r="DB13" s="686"/>
      <c r="DC13" s="686"/>
      <c r="DD13" s="692">
        <v>
5882227</v>
      </c>
      <c r="DE13" s="684"/>
      <c r="DF13" s="684"/>
      <c r="DG13" s="684"/>
      <c r="DH13" s="684"/>
      <c r="DI13" s="684"/>
      <c r="DJ13" s="684"/>
      <c r="DK13" s="684"/>
      <c r="DL13" s="684"/>
      <c r="DM13" s="684"/>
      <c r="DN13" s="684"/>
      <c r="DO13" s="684"/>
      <c r="DP13" s="685"/>
      <c r="DQ13" s="692">
        <v>
8002636</v>
      </c>
      <c r="DR13" s="684"/>
      <c r="DS13" s="684"/>
      <c r="DT13" s="684"/>
      <c r="DU13" s="684"/>
      <c r="DV13" s="684"/>
      <c r="DW13" s="684"/>
      <c r="DX13" s="684"/>
      <c r="DY13" s="684"/>
      <c r="DZ13" s="684"/>
      <c r="EA13" s="684"/>
      <c r="EB13" s="684"/>
      <c r="EC13" s="693"/>
    </row>
    <row r="14" spans="2:143" ht="11.25" customHeight="1" x14ac:dyDescent="0.2">
      <c r="B14" s="680" t="s">
        <v>
264</v>
      </c>
      <c r="C14" s="681"/>
      <c r="D14" s="681"/>
      <c r="E14" s="681"/>
      <c r="F14" s="681"/>
      <c r="G14" s="681"/>
      <c r="H14" s="681"/>
      <c r="I14" s="681"/>
      <c r="J14" s="681"/>
      <c r="K14" s="681"/>
      <c r="L14" s="681"/>
      <c r="M14" s="681"/>
      <c r="N14" s="681"/>
      <c r="O14" s="681"/>
      <c r="P14" s="681"/>
      <c r="Q14" s="682"/>
      <c r="R14" s="683">
        <v>
143076</v>
      </c>
      <c r="S14" s="684"/>
      <c r="T14" s="684"/>
      <c r="U14" s="684"/>
      <c r="V14" s="684"/>
      <c r="W14" s="684"/>
      <c r="X14" s="684"/>
      <c r="Y14" s="685"/>
      <c r="Z14" s="686">
        <v>
0.1</v>
      </c>
      <c r="AA14" s="686"/>
      <c r="AB14" s="686"/>
      <c r="AC14" s="686"/>
      <c r="AD14" s="687">
        <v>
143076</v>
      </c>
      <c r="AE14" s="687"/>
      <c r="AF14" s="687"/>
      <c r="AG14" s="687"/>
      <c r="AH14" s="687"/>
      <c r="AI14" s="687"/>
      <c r="AJ14" s="687"/>
      <c r="AK14" s="687"/>
      <c r="AL14" s="688">
        <v>
0.2</v>
      </c>
      <c r="AM14" s="689"/>
      <c r="AN14" s="689"/>
      <c r="AO14" s="690"/>
      <c r="AP14" s="680" t="s">
        <v>
265</v>
      </c>
      <c r="AQ14" s="681"/>
      <c r="AR14" s="681"/>
      <c r="AS14" s="681"/>
      <c r="AT14" s="681"/>
      <c r="AU14" s="681"/>
      <c r="AV14" s="681"/>
      <c r="AW14" s="681"/>
      <c r="AX14" s="681"/>
      <c r="AY14" s="681"/>
      <c r="AZ14" s="681"/>
      <c r="BA14" s="681"/>
      <c r="BB14" s="681"/>
      <c r="BC14" s="681"/>
      <c r="BD14" s="681"/>
      <c r="BE14" s="681"/>
      <c r="BF14" s="682"/>
      <c r="BG14" s="683">
        <v>
106249</v>
      </c>
      <c r="BH14" s="684"/>
      <c r="BI14" s="684"/>
      <c r="BJ14" s="684"/>
      <c r="BK14" s="684"/>
      <c r="BL14" s="684"/>
      <c r="BM14" s="684"/>
      <c r="BN14" s="685"/>
      <c r="BO14" s="686">
        <v>
0.2</v>
      </c>
      <c r="BP14" s="686"/>
      <c r="BQ14" s="686"/>
      <c r="BR14" s="686"/>
      <c r="BS14" s="692" t="s">
        <v>
242</v>
      </c>
      <c r="BT14" s="684"/>
      <c r="BU14" s="684"/>
      <c r="BV14" s="684"/>
      <c r="BW14" s="684"/>
      <c r="BX14" s="684"/>
      <c r="BY14" s="684"/>
      <c r="BZ14" s="684"/>
      <c r="CA14" s="684"/>
      <c r="CB14" s="693"/>
      <c r="CD14" s="698" t="s">
        <v>
266</v>
      </c>
      <c r="CE14" s="699"/>
      <c r="CF14" s="699"/>
      <c r="CG14" s="699"/>
      <c r="CH14" s="699"/>
      <c r="CI14" s="699"/>
      <c r="CJ14" s="699"/>
      <c r="CK14" s="699"/>
      <c r="CL14" s="699"/>
      <c r="CM14" s="699"/>
      <c r="CN14" s="699"/>
      <c r="CO14" s="699"/>
      <c r="CP14" s="699"/>
      <c r="CQ14" s="700"/>
      <c r="CR14" s="683">
        <v>
1304652</v>
      </c>
      <c r="CS14" s="684"/>
      <c r="CT14" s="684"/>
      <c r="CU14" s="684"/>
      <c r="CV14" s="684"/>
      <c r="CW14" s="684"/>
      <c r="CX14" s="684"/>
      <c r="CY14" s="685"/>
      <c r="CZ14" s="686">
        <v>
0.9</v>
      </c>
      <c r="DA14" s="686"/>
      <c r="DB14" s="686"/>
      <c r="DC14" s="686"/>
      <c r="DD14" s="692">
        <v>
585713</v>
      </c>
      <c r="DE14" s="684"/>
      <c r="DF14" s="684"/>
      <c r="DG14" s="684"/>
      <c r="DH14" s="684"/>
      <c r="DI14" s="684"/>
      <c r="DJ14" s="684"/>
      <c r="DK14" s="684"/>
      <c r="DL14" s="684"/>
      <c r="DM14" s="684"/>
      <c r="DN14" s="684"/>
      <c r="DO14" s="684"/>
      <c r="DP14" s="685"/>
      <c r="DQ14" s="692">
        <v>
845640</v>
      </c>
      <c r="DR14" s="684"/>
      <c r="DS14" s="684"/>
      <c r="DT14" s="684"/>
      <c r="DU14" s="684"/>
      <c r="DV14" s="684"/>
      <c r="DW14" s="684"/>
      <c r="DX14" s="684"/>
      <c r="DY14" s="684"/>
      <c r="DZ14" s="684"/>
      <c r="EA14" s="684"/>
      <c r="EB14" s="684"/>
      <c r="EC14" s="693"/>
    </row>
    <row r="15" spans="2:143" ht="11.25" customHeight="1" x14ac:dyDescent="0.2">
      <c r="B15" s="680" t="s">
        <v>
267</v>
      </c>
      <c r="C15" s="681"/>
      <c r="D15" s="681"/>
      <c r="E15" s="681"/>
      <c r="F15" s="681"/>
      <c r="G15" s="681"/>
      <c r="H15" s="681"/>
      <c r="I15" s="681"/>
      <c r="J15" s="681"/>
      <c r="K15" s="681"/>
      <c r="L15" s="681"/>
      <c r="M15" s="681"/>
      <c r="N15" s="681"/>
      <c r="O15" s="681"/>
      <c r="P15" s="681"/>
      <c r="Q15" s="682"/>
      <c r="R15" s="683" t="s">
        <v>
178</v>
      </c>
      <c r="S15" s="684"/>
      <c r="T15" s="684"/>
      <c r="U15" s="684"/>
      <c r="V15" s="684"/>
      <c r="W15" s="684"/>
      <c r="X15" s="684"/>
      <c r="Y15" s="685"/>
      <c r="Z15" s="686" t="s">
        <v>
178</v>
      </c>
      <c r="AA15" s="686"/>
      <c r="AB15" s="686"/>
      <c r="AC15" s="686"/>
      <c r="AD15" s="687" t="s">
        <v>
178</v>
      </c>
      <c r="AE15" s="687"/>
      <c r="AF15" s="687"/>
      <c r="AG15" s="687"/>
      <c r="AH15" s="687"/>
      <c r="AI15" s="687"/>
      <c r="AJ15" s="687"/>
      <c r="AK15" s="687"/>
      <c r="AL15" s="688" t="s">
        <v>
242</v>
      </c>
      <c r="AM15" s="689"/>
      <c r="AN15" s="689"/>
      <c r="AO15" s="690"/>
      <c r="AP15" s="680" t="s">
        <v>
268</v>
      </c>
      <c r="AQ15" s="681"/>
      <c r="AR15" s="681"/>
      <c r="AS15" s="681"/>
      <c r="AT15" s="681"/>
      <c r="AU15" s="681"/>
      <c r="AV15" s="681"/>
      <c r="AW15" s="681"/>
      <c r="AX15" s="681"/>
      <c r="AY15" s="681"/>
      <c r="AZ15" s="681"/>
      <c r="BA15" s="681"/>
      <c r="BB15" s="681"/>
      <c r="BC15" s="681"/>
      <c r="BD15" s="681"/>
      <c r="BE15" s="681"/>
      <c r="BF15" s="682"/>
      <c r="BG15" s="683">
        <v>
5099930</v>
      </c>
      <c r="BH15" s="684"/>
      <c r="BI15" s="684"/>
      <c r="BJ15" s="684"/>
      <c r="BK15" s="684"/>
      <c r="BL15" s="684"/>
      <c r="BM15" s="684"/>
      <c r="BN15" s="685"/>
      <c r="BO15" s="686">
        <v>
10.199999999999999</v>
      </c>
      <c r="BP15" s="686"/>
      <c r="BQ15" s="686"/>
      <c r="BR15" s="686"/>
      <c r="BS15" s="692" t="s">
        <v>
178</v>
      </c>
      <c r="BT15" s="684"/>
      <c r="BU15" s="684"/>
      <c r="BV15" s="684"/>
      <c r="BW15" s="684"/>
      <c r="BX15" s="684"/>
      <c r="BY15" s="684"/>
      <c r="BZ15" s="684"/>
      <c r="CA15" s="684"/>
      <c r="CB15" s="693"/>
      <c r="CD15" s="698" t="s">
        <v>
269</v>
      </c>
      <c r="CE15" s="699"/>
      <c r="CF15" s="699"/>
      <c r="CG15" s="699"/>
      <c r="CH15" s="699"/>
      <c r="CI15" s="699"/>
      <c r="CJ15" s="699"/>
      <c r="CK15" s="699"/>
      <c r="CL15" s="699"/>
      <c r="CM15" s="699"/>
      <c r="CN15" s="699"/>
      <c r="CO15" s="699"/>
      <c r="CP15" s="699"/>
      <c r="CQ15" s="700"/>
      <c r="CR15" s="683">
        <v>
13203583</v>
      </c>
      <c r="CS15" s="684"/>
      <c r="CT15" s="684"/>
      <c r="CU15" s="684"/>
      <c r="CV15" s="684"/>
      <c r="CW15" s="684"/>
      <c r="CX15" s="684"/>
      <c r="CY15" s="685"/>
      <c r="CZ15" s="686">
        <v>
9</v>
      </c>
      <c r="DA15" s="686"/>
      <c r="DB15" s="686"/>
      <c r="DC15" s="686"/>
      <c r="DD15" s="692">
        <v>
1228884</v>
      </c>
      <c r="DE15" s="684"/>
      <c r="DF15" s="684"/>
      <c r="DG15" s="684"/>
      <c r="DH15" s="684"/>
      <c r="DI15" s="684"/>
      <c r="DJ15" s="684"/>
      <c r="DK15" s="684"/>
      <c r="DL15" s="684"/>
      <c r="DM15" s="684"/>
      <c r="DN15" s="684"/>
      <c r="DO15" s="684"/>
      <c r="DP15" s="685"/>
      <c r="DQ15" s="692">
        <v>
12266757</v>
      </c>
      <c r="DR15" s="684"/>
      <c r="DS15" s="684"/>
      <c r="DT15" s="684"/>
      <c r="DU15" s="684"/>
      <c r="DV15" s="684"/>
      <c r="DW15" s="684"/>
      <c r="DX15" s="684"/>
      <c r="DY15" s="684"/>
      <c r="DZ15" s="684"/>
      <c r="EA15" s="684"/>
      <c r="EB15" s="684"/>
      <c r="EC15" s="693"/>
    </row>
    <row r="16" spans="2:143" ht="11.25" customHeight="1" x14ac:dyDescent="0.2">
      <c r="B16" s="680" t="s">
        <v>
270</v>
      </c>
      <c r="C16" s="681"/>
      <c r="D16" s="681"/>
      <c r="E16" s="681"/>
      <c r="F16" s="681"/>
      <c r="G16" s="681"/>
      <c r="H16" s="681"/>
      <c r="I16" s="681"/>
      <c r="J16" s="681"/>
      <c r="K16" s="681"/>
      <c r="L16" s="681"/>
      <c r="M16" s="681"/>
      <c r="N16" s="681"/>
      <c r="O16" s="681"/>
      <c r="P16" s="681"/>
      <c r="Q16" s="682"/>
      <c r="R16" s="683">
        <v>
50557</v>
      </c>
      <c r="S16" s="684"/>
      <c r="T16" s="684"/>
      <c r="U16" s="684"/>
      <c r="V16" s="684"/>
      <c r="W16" s="684"/>
      <c r="X16" s="684"/>
      <c r="Y16" s="685"/>
      <c r="Z16" s="686">
        <v>
0</v>
      </c>
      <c r="AA16" s="686"/>
      <c r="AB16" s="686"/>
      <c r="AC16" s="686"/>
      <c r="AD16" s="687">
        <v>
50557</v>
      </c>
      <c r="AE16" s="687"/>
      <c r="AF16" s="687"/>
      <c r="AG16" s="687"/>
      <c r="AH16" s="687"/>
      <c r="AI16" s="687"/>
      <c r="AJ16" s="687"/>
      <c r="AK16" s="687"/>
      <c r="AL16" s="688">
        <v>
0.1</v>
      </c>
      <c r="AM16" s="689"/>
      <c r="AN16" s="689"/>
      <c r="AO16" s="690"/>
      <c r="AP16" s="680" t="s">
        <v>
271</v>
      </c>
      <c r="AQ16" s="681"/>
      <c r="AR16" s="681"/>
      <c r="AS16" s="681"/>
      <c r="AT16" s="681"/>
      <c r="AU16" s="681"/>
      <c r="AV16" s="681"/>
      <c r="AW16" s="681"/>
      <c r="AX16" s="681"/>
      <c r="AY16" s="681"/>
      <c r="AZ16" s="681"/>
      <c r="BA16" s="681"/>
      <c r="BB16" s="681"/>
      <c r="BC16" s="681"/>
      <c r="BD16" s="681"/>
      <c r="BE16" s="681"/>
      <c r="BF16" s="682"/>
      <c r="BG16" s="683" t="s">
        <v>
242</v>
      </c>
      <c r="BH16" s="684"/>
      <c r="BI16" s="684"/>
      <c r="BJ16" s="684"/>
      <c r="BK16" s="684"/>
      <c r="BL16" s="684"/>
      <c r="BM16" s="684"/>
      <c r="BN16" s="685"/>
      <c r="BO16" s="686" t="s">
        <v>
242</v>
      </c>
      <c r="BP16" s="686"/>
      <c r="BQ16" s="686"/>
      <c r="BR16" s="686"/>
      <c r="BS16" s="692" t="s">
        <v>
178</v>
      </c>
      <c r="BT16" s="684"/>
      <c r="BU16" s="684"/>
      <c r="BV16" s="684"/>
      <c r="BW16" s="684"/>
      <c r="BX16" s="684"/>
      <c r="BY16" s="684"/>
      <c r="BZ16" s="684"/>
      <c r="CA16" s="684"/>
      <c r="CB16" s="693"/>
      <c r="CD16" s="698" t="s">
        <v>
272</v>
      </c>
      <c r="CE16" s="699"/>
      <c r="CF16" s="699"/>
      <c r="CG16" s="699"/>
      <c r="CH16" s="699"/>
      <c r="CI16" s="699"/>
      <c r="CJ16" s="699"/>
      <c r="CK16" s="699"/>
      <c r="CL16" s="699"/>
      <c r="CM16" s="699"/>
      <c r="CN16" s="699"/>
      <c r="CO16" s="699"/>
      <c r="CP16" s="699"/>
      <c r="CQ16" s="700"/>
      <c r="CR16" s="683" t="s">
        <v>
242</v>
      </c>
      <c r="CS16" s="684"/>
      <c r="CT16" s="684"/>
      <c r="CU16" s="684"/>
      <c r="CV16" s="684"/>
      <c r="CW16" s="684"/>
      <c r="CX16" s="684"/>
      <c r="CY16" s="685"/>
      <c r="CZ16" s="686" t="s">
        <v>
178</v>
      </c>
      <c r="DA16" s="686"/>
      <c r="DB16" s="686"/>
      <c r="DC16" s="686"/>
      <c r="DD16" s="692" t="s">
        <v>
178</v>
      </c>
      <c r="DE16" s="684"/>
      <c r="DF16" s="684"/>
      <c r="DG16" s="684"/>
      <c r="DH16" s="684"/>
      <c r="DI16" s="684"/>
      <c r="DJ16" s="684"/>
      <c r="DK16" s="684"/>
      <c r="DL16" s="684"/>
      <c r="DM16" s="684"/>
      <c r="DN16" s="684"/>
      <c r="DO16" s="684"/>
      <c r="DP16" s="685"/>
      <c r="DQ16" s="692" t="s">
        <v>
178</v>
      </c>
      <c r="DR16" s="684"/>
      <c r="DS16" s="684"/>
      <c r="DT16" s="684"/>
      <c r="DU16" s="684"/>
      <c r="DV16" s="684"/>
      <c r="DW16" s="684"/>
      <c r="DX16" s="684"/>
      <c r="DY16" s="684"/>
      <c r="DZ16" s="684"/>
      <c r="EA16" s="684"/>
      <c r="EB16" s="684"/>
      <c r="EC16" s="693"/>
    </row>
    <row r="17" spans="2:133" ht="11.25" customHeight="1" x14ac:dyDescent="0.2">
      <c r="B17" s="680" t="s">
        <v>
273</v>
      </c>
      <c r="C17" s="681"/>
      <c r="D17" s="681"/>
      <c r="E17" s="681"/>
      <c r="F17" s="681"/>
      <c r="G17" s="681"/>
      <c r="H17" s="681"/>
      <c r="I17" s="681"/>
      <c r="J17" s="681"/>
      <c r="K17" s="681"/>
      <c r="L17" s="681"/>
      <c r="M17" s="681"/>
      <c r="N17" s="681"/>
      <c r="O17" s="681"/>
      <c r="P17" s="681"/>
      <c r="Q17" s="682"/>
      <c r="R17" s="683">
        <v>
725022</v>
      </c>
      <c r="S17" s="684"/>
      <c r="T17" s="684"/>
      <c r="U17" s="684"/>
      <c r="V17" s="684"/>
      <c r="W17" s="684"/>
      <c r="X17" s="684"/>
      <c r="Y17" s="685"/>
      <c r="Z17" s="686">
        <v>
0.5</v>
      </c>
      <c r="AA17" s="686"/>
      <c r="AB17" s="686"/>
      <c r="AC17" s="686"/>
      <c r="AD17" s="687">
        <v>
725022</v>
      </c>
      <c r="AE17" s="687"/>
      <c r="AF17" s="687"/>
      <c r="AG17" s="687"/>
      <c r="AH17" s="687"/>
      <c r="AI17" s="687"/>
      <c r="AJ17" s="687"/>
      <c r="AK17" s="687"/>
      <c r="AL17" s="688">
        <v>
0.8</v>
      </c>
      <c r="AM17" s="689"/>
      <c r="AN17" s="689"/>
      <c r="AO17" s="690"/>
      <c r="AP17" s="680" t="s">
        <v>
274</v>
      </c>
      <c r="AQ17" s="681"/>
      <c r="AR17" s="681"/>
      <c r="AS17" s="681"/>
      <c r="AT17" s="681"/>
      <c r="AU17" s="681"/>
      <c r="AV17" s="681"/>
      <c r="AW17" s="681"/>
      <c r="AX17" s="681"/>
      <c r="AY17" s="681"/>
      <c r="AZ17" s="681"/>
      <c r="BA17" s="681"/>
      <c r="BB17" s="681"/>
      <c r="BC17" s="681"/>
      <c r="BD17" s="681"/>
      <c r="BE17" s="681"/>
      <c r="BF17" s="682"/>
      <c r="BG17" s="683" t="s">
        <v>
242</v>
      </c>
      <c r="BH17" s="684"/>
      <c r="BI17" s="684"/>
      <c r="BJ17" s="684"/>
      <c r="BK17" s="684"/>
      <c r="BL17" s="684"/>
      <c r="BM17" s="684"/>
      <c r="BN17" s="685"/>
      <c r="BO17" s="686" t="s">
        <v>
178</v>
      </c>
      <c r="BP17" s="686"/>
      <c r="BQ17" s="686"/>
      <c r="BR17" s="686"/>
      <c r="BS17" s="692" t="s">
        <v>
242</v>
      </c>
      <c r="BT17" s="684"/>
      <c r="BU17" s="684"/>
      <c r="BV17" s="684"/>
      <c r="BW17" s="684"/>
      <c r="BX17" s="684"/>
      <c r="BY17" s="684"/>
      <c r="BZ17" s="684"/>
      <c r="CA17" s="684"/>
      <c r="CB17" s="693"/>
      <c r="CD17" s="698" t="s">
        <v>
275</v>
      </c>
      <c r="CE17" s="699"/>
      <c r="CF17" s="699"/>
      <c r="CG17" s="699"/>
      <c r="CH17" s="699"/>
      <c r="CI17" s="699"/>
      <c r="CJ17" s="699"/>
      <c r="CK17" s="699"/>
      <c r="CL17" s="699"/>
      <c r="CM17" s="699"/>
      <c r="CN17" s="699"/>
      <c r="CO17" s="699"/>
      <c r="CP17" s="699"/>
      <c r="CQ17" s="700"/>
      <c r="CR17" s="683">
        <v>
2276200</v>
      </c>
      <c r="CS17" s="684"/>
      <c r="CT17" s="684"/>
      <c r="CU17" s="684"/>
      <c r="CV17" s="684"/>
      <c r="CW17" s="684"/>
      <c r="CX17" s="684"/>
      <c r="CY17" s="685"/>
      <c r="CZ17" s="686">
        <v>
1.6</v>
      </c>
      <c r="DA17" s="686"/>
      <c r="DB17" s="686"/>
      <c r="DC17" s="686"/>
      <c r="DD17" s="692" t="s">
        <v>
242</v>
      </c>
      <c r="DE17" s="684"/>
      <c r="DF17" s="684"/>
      <c r="DG17" s="684"/>
      <c r="DH17" s="684"/>
      <c r="DI17" s="684"/>
      <c r="DJ17" s="684"/>
      <c r="DK17" s="684"/>
      <c r="DL17" s="684"/>
      <c r="DM17" s="684"/>
      <c r="DN17" s="684"/>
      <c r="DO17" s="684"/>
      <c r="DP17" s="685"/>
      <c r="DQ17" s="692">
        <v>
2276200</v>
      </c>
      <c r="DR17" s="684"/>
      <c r="DS17" s="684"/>
      <c r="DT17" s="684"/>
      <c r="DU17" s="684"/>
      <c r="DV17" s="684"/>
      <c r="DW17" s="684"/>
      <c r="DX17" s="684"/>
      <c r="DY17" s="684"/>
      <c r="DZ17" s="684"/>
      <c r="EA17" s="684"/>
      <c r="EB17" s="684"/>
      <c r="EC17" s="693"/>
    </row>
    <row r="18" spans="2:133" ht="11.25" customHeight="1" x14ac:dyDescent="0.2">
      <c r="B18" s="680" t="s">
        <v>
276</v>
      </c>
      <c r="C18" s="681"/>
      <c r="D18" s="681"/>
      <c r="E18" s="681"/>
      <c r="F18" s="681"/>
      <c r="G18" s="681"/>
      <c r="H18" s="681"/>
      <c r="I18" s="681"/>
      <c r="J18" s="681"/>
      <c r="K18" s="681"/>
      <c r="L18" s="681"/>
      <c r="M18" s="681"/>
      <c r="N18" s="681"/>
      <c r="O18" s="681"/>
      <c r="P18" s="681"/>
      <c r="Q18" s="682"/>
      <c r="R18" s="683">
        <v>
101359</v>
      </c>
      <c r="S18" s="684"/>
      <c r="T18" s="684"/>
      <c r="U18" s="684"/>
      <c r="V18" s="684"/>
      <c r="W18" s="684"/>
      <c r="X18" s="684"/>
      <c r="Y18" s="685"/>
      <c r="Z18" s="686">
        <v>
0.1</v>
      </c>
      <c r="AA18" s="686"/>
      <c r="AB18" s="686"/>
      <c r="AC18" s="686"/>
      <c r="AD18" s="687">
        <v>
101359</v>
      </c>
      <c r="AE18" s="687"/>
      <c r="AF18" s="687"/>
      <c r="AG18" s="687"/>
      <c r="AH18" s="687"/>
      <c r="AI18" s="687"/>
      <c r="AJ18" s="687"/>
      <c r="AK18" s="687"/>
      <c r="AL18" s="688">
        <v>
0.1</v>
      </c>
      <c r="AM18" s="689"/>
      <c r="AN18" s="689"/>
      <c r="AO18" s="690"/>
      <c r="AP18" s="680" t="s">
        <v>
277</v>
      </c>
      <c r="AQ18" s="681"/>
      <c r="AR18" s="681"/>
      <c r="AS18" s="681"/>
      <c r="AT18" s="681"/>
      <c r="AU18" s="681"/>
      <c r="AV18" s="681"/>
      <c r="AW18" s="681"/>
      <c r="AX18" s="681"/>
      <c r="AY18" s="681"/>
      <c r="AZ18" s="681"/>
      <c r="BA18" s="681"/>
      <c r="BB18" s="681"/>
      <c r="BC18" s="681"/>
      <c r="BD18" s="681"/>
      <c r="BE18" s="681"/>
      <c r="BF18" s="682"/>
      <c r="BG18" s="683" t="s">
        <v>
178</v>
      </c>
      <c r="BH18" s="684"/>
      <c r="BI18" s="684"/>
      <c r="BJ18" s="684"/>
      <c r="BK18" s="684"/>
      <c r="BL18" s="684"/>
      <c r="BM18" s="684"/>
      <c r="BN18" s="685"/>
      <c r="BO18" s="686" t="s">
        <v>
242</v>
      </c>
      <c r="BP18" s="686"/>
      <c r="BQ18" s="686"/>
      <c r="BR18" s="686"/>
      <c r="BS18" s="692" t="s">
        <v>
242</v>
      </c>
      <c r="BT18" s="684"/>
      <c r="BU18" s="684"/>
      <c r="BV18" s="684"/>
      <c r="BW18" s="684"/>
      <c r="BX18" s="684"/>
      <c r="BY18" s="684"/>
      <c r="BZ18" s="684"/>
      <c r="CA18" s="684"/>
      <c r="CB18" s="693"/>
      <c r="CD18" s="698" t="s">
        <v>
278</v>
      </c>
      <c r="CE18" s="699"/>
      <c r="CF18" s="699"/>
      <c r="CG18" s="699"/>
      <c r="CH18" s="699"/>
      <c r="CI18" s="699"/>
      <c r="CJ18" s="699"/>
      <c r="CK18" s="699"/>
      <c r="CL18" s="699"/>
      <c r="CM18" s="699"/>
      <c r="CN18" s="699"/>
      <c r="CO18" s="699"/>
      <c r="CP18" s="699"/>
      <c r="CQ18" s="700"/>
      <c r="CR18" s="683" t="s">
        <v>
242</v>
      </c>
      <c r="CS18" s="684"/>
      <c r="CT18" s="684"/>
      <c r="CU18" s="684"/>
      <c r="CV18" s="684"/>
      <c r="CW18" s="684"/>
      <c r="CX18" s="684"/>
      <c r="CY18" s="685"/>
      <c r="CZ18" s="686" t="s">
        <v>
242</v>
      </c>
      <c r="DA18" s="686"/>
      <c r="DB18" s="686"/>
      <c r="DC18" s="686"/>
      <c r="DD18" s="692" t="s">
        <v>
178</v>
      </c>
      <c r="DE18" s="684"/>
      <c r="DF18" s="684"/>
      <c r="DG18" s="684"/>
      <c r="DH18" s="684"/>
      <c r="DI18" s="684"/>
      <c r="DJ18" s="684"/>
      <c r="DK18" s="684"/>
      <c r="DL18" s="684"/>
      <c r="DM18" s="684"/>
      <c r="DN18" s="684"/>
      <c r="DO18" s="684"/>
      <c r="DP18" s="685"/>
      <c r="DQ18" s="692" t="s">
        <v>
242</v>
      </c>
      <c r="DR18" s="684"/>
      <c r="DS18" s="684"/>
      <c r="DT18" s="684"/>
      <c r="DU18" s="684"/>
      <c r="DV18" s="684"/>
      <c r="DW18" s="684"/>
      <c r="DX18" s="684"/>
      <c r="DY18" s="684"/>
      <c r="DZ18" s="684"/>
      <c r="EA18" s="684"/>
      <c r="EB18" s="684"/>
      <c r="EC18" s="693"/>
    </row>
    <row r="19" spans="2:133" ht="11.25" customHeight="1" x14ac:dyDescent="0.2">
      <c r="B19" s="680" t="s">
        <v>
279</v>
      </c>
      <c r="C19" s="681"/>
      <c r="D19" s="681"/>
      <c r="E19" s="681"/>
      <c r="F19" s="681"/>
      <c r="G19" s="681"/>
      <c r="H19" s="681"/>
      <c r="I19" s="681"/>
      <c r="J19" s="681"/>
      <c r="K19" s="681"/>
      <c r="L19" s="681"/>
      <c r="M19" s="681"/>
      <c r="N19" s="681"/>
      <c r="O19" s="681"/>
      <c r="P19" s="681"/>
      <c r="Q19" s="682"/>
      <c r="R19" s="683">
        <v>
24316</v>
      </c>
      <c r="S19" s="684"/>
      <c r="T19" s="684"/>
      <c r="U19" s="684"/>
      <c r="V19" s="684"/>
      <c r="W19" s="684"/>
      <c r="X19" s="684"/>
      <c r="Y19" s="685"/>
      <c r="Z19" s="686">
        <v>
0</v>
      </c>
      <c r="AA19" s="686"/>
      <c r="AB19" s="686"/>
      <c r="AC19" s="686"/>
      <c r="AD19" s="687">
        <v>
24316</v>
      </c>
      <c r="AE19" s="687"/>
      <c r="AF19" s="687"/>
      <c r="AG19" s="687"/>
      <c r="AH19" s="687"/>
      <c r="AI19" s="687"/>
      <c r="AJ19" s="687"/>
      <c r="AK19" s="687"/>
      <c r="AL19" s="688">
        <v>
0</v>
      </c>
      <c r="AM19" s="689"/>
      <c r="AN19" s="689"/>
      <c r="AO19" s="690"/>
      <c r="AP19" s="680" t="s">
        <v>
280</v>
      </c>
      <c r="AQ19" s="681"/>
      <c r="AR19" s="681"/>
      <c r="AS19" s="681"/>
      <c r="AT19" s="681"/>
      <c r="AU19" s="681"/>
      <c r="AV19" s="681"/>
      <c r="AW19" s="681"/>
      <c r="AX19" s="681"/>
      <c r="AY19" s="681"/>
      <c r="AZ19" s="681"/>
      <c r="BA19" s="681"/>
      <c r="BB19" s="681"/>
      <c r="BC19" s="681"/>
      <c r="BD19" s="681"/>
      <c r="BE19" s="681"/>
      <c r="BF19" s="682"/>
      <c r="BG19" s="683">
        <v>
61136</v>
      </c>
      <c r="BH19" s="684"/>
      <c r="BI19" s="684"/>
      <c r="BJ19" s="684"/>
      <c r="BK19" s="684"/>
      <c r="BL19" s="684"/>
      <c r="BM19" s="684"/>
      <c r="BN19" s="685"/>
      <c r="BO19" s="686">
        <v>
0.1</v>
      </c>
      <c r="BP19" s="686"/>
      <c r="BQ19" s="686"/>
      <c r="BR19" s="686"/>
      <c r="BS19" s="692" t="s">
        <v>
178</v>
      </c>
      <c r="BT19" s="684"/>
      <c r="BU19" s="684"/>
      <c r="BV19" s="684"/>
      <c r="BW19" s="684"/>
      <c r="BX19" s="684"/>
      <c r="BY19" s="684"/>
      <c r="BZ19" s="684"/>
      <c r="CA19" s="684"/>
      <c r="CB19" s="693"/>
      <c r="CD19" s="698" t="s">
        <v>
281</v>
      </c>
      <c r="CE19" s="699"/>
      <c r="CF19" s="699"/>
      <c r="CG19" s="699"/>
      <c r="CH19" s="699"/>
      <c r="CI19" s="699"/>
      <c r="CJ19" s="699"/>
      <c r="CK19" s="699"/>
      <c r="CL19" s="699"/>
      <c r="CM19" s="699"/>
      <c r="CN19" s="699"/>
      <c r="CO19" s="699"/>
      <c r="CP19" s="699"/>
      <c r="CQ19" s="700"/>
      <c r="CR19" s="683" t="s">
        <v>
242</v>
      </c>
      <c r="CS19" s="684"/>
      <c r="CT19" s="684"/>
      <c r="CU19" s="684"/>
      <c r="CV19" s="684"/>
      <c r="CW19" s="684"/>
      <c r="CX19" s="684"/>
      <c r="CY19" s="685"/>
      <c r="CZ19" s="686" t="s">
        <v>
178</v>
      </c>
      <c r="DA19" s="686"/>
      <c r="DB19" s="686"/>
      <c r="DC19" s="686"/>
      <c r="DD19" s="692" t="s">
        <v>
242</v>
      </c>
      <c r="DE19" s="684"/>
      <c r="DF19" s="684"/>
      <c r="DG19" s="684"/>
      <c r="DH19" s="684"/>
      <c r="DI19" s="684"/>
      <c r="DJ19" s="684"/>
      <c r="DK19" s="684"/>
      <c r="DL19" s="684"/>
      <c r="DM19" s="684"/>
      <c r="DN19" s="684"/>
      <c r="DO19" s="684"/>
      <c r="DP19" s="685"/>
      <c r="DQ19" s="692" t="s">
        <v>
242</v>
      </c>
      <c r="DR19" s="684"/>
      <c r="DS19" s="684"/>
      <c r="DT19" s="684"/>
      <c r="DU19" s="684"/>
      <c r="DV19" s="684"/>
      <c r="DW19" s="684"/>
      <c r="DX19" s="684"/>
      <c r="DY19" s="684"/>
      <c r="DZ19" s="684"/>
      <c r="EA19" s="684"/>
      <c r="EB19" s="684"/>
      <c r="EC19" s="693"/>
    </row>
    <row r="20" spans="2:133" ht="11.25" customHeight="1" x14ac:dyDescent="0.2">
      <c r="B20" s="680" t="s">
        <v>
282</v>
      </c>
      <c r="C20" s="681"/>
      <c r="D20" s="681"/>
      <c r="E20" s="681"/>
      <c r="F20" s="681"/>
      <c r="G20" s="681"/>
      <c r="H20" s="681"/>
      <c r="I20" s="681"/>
      <c r="J20" s="681"/>
      <c r="K20" s="681"/>
      <c r="L20" s="681"/>
      <c r="M20" s="681"/>
      <c r="N20" s="681"/>
      <c r="O20" s="681"/>
      <c r="P20" s="681"/>
      <c r="Q20" s="682"/>
      <c r="R20" s="683">
        <v>
1045</v>
      </c>
      <c r="S20" s="684"/>
      <c r="T20" s="684"/>
      <c r="U20" s="684"/>
      <c r="V20" s="684"/>
      <c r="W20" s="684"/>
      <c r="X20" s="684"/>
      <c r="Y20" s="685"/>
      <c r="Z20" s="686">
        <v>
0</v>
      </c>
      <c r="AA20" s="686"/>
      <c r="AB20" s="686"/>
      <c r="AC20" s="686"/>
      <c r="AD20" s="687">
        <v>
1045</v>
      </c>
      <c r="AE20" s="687"/>
      <c r="AF20" s="687"/>
      <c r="AG20" s="687"/>
      <c r="AH20" s="687"/>
      <c r="AI20" s="687"/>
      <c r="AJ20" s="687"/>
      <c r="AK20" s="687"/>
      <c r="AL20" s="688">
        <v>
0</v>
      </c>
      <c r="AM20" s="689"/>
      <c r="AN20" s="689"/>
      <c r="AO20" s="690"/>
      <c r="AP20" s="680" t="s">
        <v>
283</v>
      </c>
      <c r="AQ20" s="681"/>
      <c r="AR20" s="681"/>
      <c r="AS20" s="681"/>
      <c r="AT20" s="681"/>
      <c r="AU20" s="681"/>
      <c r="AV20" s="681"/>
      <c r="AW20" s="681"/>
      <c r="AX20" s="681"/>
      <c r="AY20" s="681"/>
      <c r="AZ20" s="681"/>
      <c r="BA20" s="681"/>
      <c r="BB20" s="681"/>
      <c r="BC20" s="681"/>
      <c r="BD20" s="681"/>
      <c r="BE20" s="681"/>
      <c r="BF20" s="682"/>
      <c r="BG20" s="683">
        <v>
61136</v>
      </c>
      <c r="BH20" s="684"/>
      <c r="BI20" s="684"/>
      <c r="BJ20" s="684"/>
      <c r="BK20" s="684"/>
      <c r="BL20" s="684"/>
      <c r="BM20" s="684"/>
      <c r="BN20" s="685"/>
      <c r="BO20" s="686">
        <v>
0.1</v>
      </c>
      <c r="BP20" s="686"/>
      <c r="BQ20" s="686"/>
      <c r="BR20" s="686"/>
      <c r="BS20" s="692" t="s">
        <v>
242</v>
      </c>
      <c r="BT20" s="684"/>
      <c r="BU20" s="684"/>
      <c r="BV20" s="684"/>
      <c r="BW20" s="684"/>
      <c r="BX20" s="684"/>
      <c r="BY20" s="684"/>
      <c r="BZ20" s="684"/>
      <c r="CA20" s="684"/>
      <c r="CB20" s="693"/>
      <c r="CD20" s="698" t="s">
        <v>
284</v>
      </c>
      <c r="CE20" s="699"/>
      <c r="CF20" s="699"/>
      <c r="CG20" s="699"/>
      <c r="CH20" s="699"/>
      <c r="CI20" s="699"/>
      <c r="CJ20" s="699"/>
      <c r="CK20" s="699"/>
      <c r="CL20" s="699"/>
      <c r="CM20" s="699"/>
      <c r="CN20" s="699"/>
      <c r="CO20" s="699"/>
      <c r="CP20" s="699"/>
      <c r="CQ20" s="700"/>
      <c r="CR20" s="683">
        <v>
146142692</v>
      </c>
      <c r="CS20" s="684"/>
      <c r="CT20" s="684"/>
      <c r="CU20" s="684"/>
      <c r="CV20" s="684"/>
      <c r="CW20" s="684"/>
      <c r="CX20" s="684"/>
      <c r="CY20" s="685"/>
      <c r="CZ20" s="686">
        <v>
100</v>
      </c>
      <c r="DA20" s="686"/>
      <c r="DB20" s="686"/>
      <c r="DC20" s="686"/>
      <c r="DD20" s="692">
        <v>
10263123</v>
      </c>
      <c r="DE20" s="684"/>
      <c r="DF20" s="684"/>
      <c r="DG20" s="684"/>
      <c r="DH20" s="684"/>
      <c r="DI20" s="684"/>
      <c r="DJ20" s="684"/>
      <c r="DK20" s="684"/>
      <c r="DL20" s="684"/>
      <c r="DM20" s="684"/>
      <c r="DN20" s="684"/>
      <c r="DO20" s="684"/>
      <c r="DP20" s="685"/>
      <c r="DQ20" s="692">
        <v>
97222018</v>
      </c>
      <c r="DR20" s="684"/>
      <c r="DS20" s="684"/>
      <c r="DT20" s="684"/>
      <c r="DU20" s="684"/>
      <c r="DV20" s="684"/>
      <c r="DW20" s="684"/>
      <c r="DX20" s="684"/>
      <c r="DY20" s="684"/>
      <c r="DZ20" s="684"/>
      <c r="EA20" s="684"/>
      <c r="EB20" s="684"/>
      <c r="EC20" s="693"/>
    </row>
    <row r="21" spans="2:133" ht="11.25" customHeight="1" x14ac:dyDescent="0.2">
      <c r="B21" s="680" t="s">
        <v>
285</v>
      </c>
      <c r="C21" s="681"/>
      <c r="D21" s="681"/>
      <c r="E21" s="681"/>
      <c r="F21" s="681"/>
      <c r="G21" s="681"/>
      <c r="H21" s="681"/>
      <c r="I21" s="681"/>
      <c r="J21" s="681"/>
      <c r="K21" s="681"/>
      <c r="L21" s="681"/>
      <c r="M21" s="681"/>
      <c r="N21" s="681"/>
      <c r="O21" s="681"/>
      <c r="P21" s="681"/>
      <c r="Q21" s="682"/>
      <c r="R21" s="683">
        <v>
598302</v>
      </c>
      <c r="S21" s="684"/>
      <c r="T21" s="684"/>
      <c r="U21" s="684"/>
      <c r="V21" s="684"/>
      <c r="W21" s="684"/>
      <c r="X21" s="684"/>
      <c r="Y21" s="685"/>
      <c r="Z21" s="686">
        <v>
0.4</v>
      </c>
      <c r="AA21" s="686"/>
      <c r="AB21" s="686"/>
      <c r="AC21" s="686"/>
      <c r="AD21" s="687">
        <v>
598302</v>
      </c>
      <c r="AE21" s="687"/>
      <c r="AF21" s="687"/>
      <c r="AG21" s="687"/>
      <c r="AH21" s="687"/>
      <c r="AI21" s="687"/>
      <c r="AJ21" s="687"/>
      <c r="AK21" s="687"/>
      <c r="AL21" s="688">
        <v>
0.6</v>
      </c>
      <c r="AM21" s="689"/>
      <c r="AN21" s="689"/>
      <c r="AO21" s="690"/>
      <c r="AP21" s="702" t="s">
        <v>
286</v>
      </c>
      <c r="AQ21" s="703"/>
      <c r="AR21" s="703"/>
      <c r="AS21" s="703"/>
      <c r="AT21" s="703"/>
      <c r="AU21" s="703"/>
      <c r="AV21" s="703"/>
      <c r="AW21" s="703"/>
      <c r="AX21" s="703"/>
      <c r="AY21" s="703"/>
      <c r="AZ21" s="703"/>
      <c r="BA21" s="703"/>
      <c r="BB21" s="703"/>
      <c r="BC21" s="703"/>
      <c r="BD21" s="703"/>
      <c r="BE21" s="703"/>
      <c r="BF21" s="704"/>
      <c r="BG21" s="683">
        <v>
61136</v>
      </c>
      <c r="BH21" s="684"/>
      <c r="BI21" s="684"/>
      <c r="BJ21" s="684"/>
      <c r="BK21" s="684"/>
      <c r="BL21" s="684"/>
      <c r="BM21" s="684"/>
      <c r="BN21" s="685"/>
      <c r="BO21" s="686">
        <v>
0.1</v>
      </c>
      <c r="BP21" s="686"/>
      <c r="BQ21" s="686"/>
      <c r="BR21" s="686"/>
      <c r="BS21" s="692" t="s">
        <v>
178</v>
      </c>
      <c r="BT21" s="684"/>
      <c r="BU21" s="684"/>
      <c r="BV21" s="684"/>
      <c r="BW21" s="684"/>
      <c r="BX21" s="684"/>
      <c r="BY21" s="684"/>
      <c r="BZ21" s="684"/>
      <c r="CA21" s="684"/>
      <c r="CB21" s="693"/>
      <c r="CD21" s="708"/>
      <c r="CE21" s="709"/>
      <c r="CF21" s="709"/>
      <c r="CG21" s="709"/>
      <c r="CH21" s="709"/>
      <c r="CI21" s="709"/>
      <c r="CJ21" s="709"/>
      <c r="CK21" s="709"/>
      <c r="CL21" s="709"/>
      <c r="CM21" s="709"/>
      <c r="CN21" s="709"/>
      <c r="CO21" s="709"/>
      <c r="CP21" s="709"/>
      <c r="CQ21" s="710"/>
      <c r="CR21" s="711"/>
      <c r="CS21" s="706"/>
      <c r="CT21" s="706"/>
      <c r="CU21" s="706"/>
      <c r="CV21" s="706"/>
      <c r="CW21" s="706"/>
      <c r="CX21" s="706"/>
      <c r="CY21" s="712"/>
      <c r="CZ21" s="713"/>
      <c r="DA21" s="713"/>
      <c r="DB21" s="713"/>
      <c r="DC21" s="713"/>
      <c r="DD21" s="705"/>
      <c r="DE21" s="706"/>
      <c r="DF21" s="706"/>
      <c r="DG21" s="706"/>
      <c r="DH21" s="706"/>
      <c r="DI21" s="706"/>
      <c r="DJ21" s="706"/>
      <c r="DK21" s="706"/>
      <c r="DL21" s="706"/>
      <c r="DM21" s="706"/>
      <c r="DN21" s="706"/>
      <c r="DO21" s="706"/>
      <c r="DP21" s="712"/>
      <c r="DQ21" s="705"/>
      <c r="DR21" s="706"/>
      <c r="DS21" s="706"/>
      <c r="DT21" s="706"/>
      <c r="DU21" s="706"/>
      <c r="DV21" s="706"/>
      <c r="DW21" s="706"/>
      <c r="DX21" s="706"/>
      <c r="DY21" s="706"/>
      <c r="DZ21" s="706"/>
      <c r="EA21" s="706"/>
      <c r="EB21" s="706"/>
      <c r="EC21" s="707"/>
    </row>
    <row r="22" spans="2:133" ht="11.25" customHeight="1" x14ac:dyDescent="0.2">
      <c r="B22" s="680" t="s">
        <v>
287</v>
      </c>
      <c r="C22" s="681"/>
      <c r="D22" s="681"/>
      <c r="E22" s="681"/>
      <c r="F22" s="681"/>
      <c r="G22" s="681"/>
      <c r="H22" s="681"/>
      <c r="I22" s="681"/>
      <c r="J22" s="681"/>
      <c r="K22" s="681"/>
      <c r="L22" s="681"/>
      <c r="M22" s="681"/>
      <c r="N22" s="681"/>
      <c r="O22" s="681"/>
      <c r="P22" s="681"/>
      <c r="Q22" s="682"/>
      <c r="R22" s="683" t="s">
        <v>
242</v>
      </c>
      <c r="S22" s="684"/>
      <c r="T22" s="684"/>
      <c r="U22" s="684"/>
      <c r="V22" s="684"/>
      <c r="W22" s="684"/>
      <c r="X22" s="684"/>
      <c r="Y22" s="685"/>
      <c r="Z22" s="686" t="s">
        <v>
178</v>
      </c>
      <c r="AA22" s="686"/>
      <c r="AB22" s="686"/>
      <c r="AC22" s="686"/>
      <c r="AD22" s="687" t="s">
        <v>
242</v>
      </c>
      <c r="AE22" s="687"/>
      <c r="AF22" s="687"/>
      <c r="AG22" s="687"/>
      <c r="AH22" s="687"/>
      <c r="AI22" s="687"/>
      <c r="AJ22" s="687"/>
      <c r="AK22" s="687"/>
      <c r="AL22" s="688" t="s">
        <v>
178</v>
      </c>
      <c r="AM22" s="689"/>
      <c r="AN22" s="689"/>
      <c r="AO22" s="690"/>
      <c r="AP22" s="702" t="s">
        <v>
288</v>
      </c>
      <c r="AQ22" s="703"/>
      <c r="AR22" s="703"/>
      <c r="AS22" s="703"/>
      <c r="AT22" s="703"/>
      <c r="AU22" s="703"/>
      <c r="AV22" s="703"/>
      <c r="AW22" s="703"/>
      <c r="AX22" s="703"/>
      <c r="AY22" s="703"/>
      <c r="AZ22" s="703"/>
      <c r="BA22" s="703"/>
      <c r="BB22" s="703"/>
      <c r="BC22" s="703"/>
      <c r="BD22" s="703"/>
      <c r="BE22" s="703"/>
      <c r="BF22" s="704"/>
      <c r="BG22" s="683" t="s">
        <v>
178</v>
      </c>
      <c r="BH22" s="684"/>
      <c r="BI22" s="684"/>
      <c r="BJ22" s="684"/>
      <c r="BK22" s="684"/>
      <c r="BL22" s="684"/>
      <c r="BM22" s="684"/>
      <c r="BN22" s="685"/>
      <c r="BO22" s="686" t="s">
        <v>
178</v>
      </c>
      <c r="BP22" s="686"/>
      <c r="BQ22" s="686"/>
      <c r="BR22" s="686"/>
      <c r="BS22" s="692" t="s">
        <v>
242</v>
      </c>
      <c r="BT22" s="684"/>
      <c r="BU22" s="684"/>
      <c r="BV22" s="684"/>
      <c r="BW22" s="684"/>
      <c r="BX22" s="684"/>
      <c r="BY22" s="684"/>
      <c r="BZ22" s="684"/>
      <c r="CA22" s="684"/>
      <c r="CB22" s="693"/>
      <c r="CD22" s="665" t="s">
        <v>
289</v>
      </c>
      <c r="CE22" s="666"/>
      <c r="CF22" s="666"/>
      <c r="CG22" s="666"/>
      <c r="CH22" s="666"/>
      <c r="CI22" s="666"/>
      <c r="CJ22" s="666"/>
      <c r="CK22" s="666"/>
      <c r="CL22" s="666"/>
      <c r="CM22" s="666"/>
      <c r="CN22" s="666"/>
      <c r="CO22" s="666"/>
      <c r="CP22" s="666"/>
      <c r="CQ22" s="666"/>
      <c r="CR22" s="666"/>
      <c r="CS22" s="666"/>
      <c r="CT22" s="666"/>
      <c r="CU22" s="666"/>
      <c r="CV22" s="666"/>
      <c r="CW22" s="666"/>
      <c r="CX22" s="666"/>
      <c r="CY22" s="666"/>
      <c r="CZ22" s="666"/>
      <c r="DA22" s="666"/>
      <c r="DB22" s="666"/>
      <c r="DC22" s="666"/>
      <c r="DD22" s="666"/>
      <c r="DE22" s="666"/>
      <c r="DF22" s="666"/>
      <c r="DG22" s="666"/>
      <c r="DH22" s="666"/>
      <c r="DI22" s="666"/>
      <c r="DJ22" s="666"/>
      <c r="DK22" s="666"/>
      <c r="DL22" s="666"/>
      <c r="DM22" s="666"/>
      <c r="DN22" s="666"/>
      <c r="DO22" s="666"/>
      <c r="DP22" s="666"/>
      <c r="DQ22" s="666"/>
      <c r="DR22" s="666"/>
      <c r="DS22" s="666"/>
      <c r="DT22" s="666"/>
      <c r="DU22" s="666"/>
      <c r="DV22" s="666"/>
      <c r="DW22" s="666"/>
      <c r="DX22" s="666"/>
      <c r="DY22" s="666"/>
      <c r="DZ22" s="666"/>
      <c r="EA22" s="666"/>
      <c r="EB22" s="666"/>
      <c r="EC22" s="667"/>
    </row>
    <row r="23" spans="2:133" ht="11.25" customHeight="1" x14ac:dyDescent="0.2">
      <c r="B23" s="680" t="s">
        <v>
290</v>
      </c>
      <c r="C23" s="681"/>
      <c r="D23" s="681"/>
      <c r="E23" s="681"/>
      <c r="F23" s="681"/>
      <c r="G23" s="681"/>
      <c r="H23" s="681"/>
      <c r="I23" s="681"/>
      <c r="J23" s="681"/>
      <c r="K23" s="681"/>
      <c r="L23" s="681"/>
      <c r="M23" s="681"/>
      <c r="N23" s="681"/>
      <c r="O23" s="681"/>
      <c r="P23" s="681"/>
      <c r="Q23" s="682"/>
      <c r="R23" s="683" t="s">
        <v>
178</v>
      </c>
      <c r="S23" s="684"/>
      <c r="T23" s="684"/>
      <c r="U23" s="684"/>
      <c r="V23" s="684"/>
      <c r="W23" s="684"/>
      <c r="X23" s="684"/>
      <c r="Y23" s="685"/>
      <c r="Z23" s="686" t="s">
        <v>
242</v>
      </c>
      <c r="AA23" s="686"/>
      <c r="AB23" s="686"/>
      <c r="AC23" s="686"/>
      <c r="AD23" s="687" t="s">
        <v>
242</v>
      </c>
      <c r="AE23" s="687"/>
      <c r="AF23" s="687"/>
      <c r="AG23" s="687"/>
      <c r="AH23" s="687"/>
      <c r="AI23" s="687"/>
      <c r="AJ23" s="687"/>
      <c r="AK23" s="687"/>
      <c r="AL23" s="688" t="s">
        <v>
178</v>
      </c>
      <c r="AM23" s="689"/>
      <c r="AN23" s="689"/>
      <c r="AO23" s="690"/>
      <c r="AP23" s="702" t="s">
        <v>
291</v>
      </c>
      <c r="AQ23" s="703"/>
      <c r="AR23" s="703"/>
      <c r="AS23" s="703"/>
      <c r="AT23" s="703"/>
      <c r="AU23" s="703"/>
      <c r="AV23" s="703"/>
      <c r="AW23" s="703"/>
      <c r="AX23" s="703"/>
      <c r="AY23" s="703"/>
      <c r="AZ23" s="703"/>
      <c r="BA23" s="703"/>
      <c r="BB23" s="703"/>
      <c r="BC23" s="703"/>
      <c r="BD23" s="703"/>
      <c r="BE23" s="703"/>
      <c r="BF23" s="704"/>
      <c r="BG23" s="683" t="s">
        <v>
178</v>
      </c>
      <c r="BH23" s="684"/>
      <c r="BI23" s="684"/>
      <c r="BJ23" s="684"/>
      <c r="BK23" s="684"/>
      <c r="BL23" s="684"/>
      <c r="BM23" s="684"/>
      <c r="BN23" s="685"/>
      <c r="BO23" s="686" t="s">
        <v>
178</v>
      </c>
      <c r="BP23" s="686"/>
      <c r="BQ23" s="686"/>
      <c r="BR23" s="686"/>
      <c r="BS23" s="692" t="s">
        <v>
178</v>
      </c>
      <c r="BT23" s="684"/>
      <c r="BU23" s="684"/>
      <c r="BV23" s="684"/>
      <c r="BW23" s="684"/>
      <c r="BX23" s="684"/>
      <c r="BY23" s="684"/>
      <c r="BZ23" s="684"/>
      <c r="CA23" s="684"/>
      <c r="CB23" s="693"/>
      <c r="CD23" s="665" t="s">
        <v>
230</v>
      </c>
      <c r="CE23" s="666"/>
      <c r="CF23" s="666"/>
      <c r="CG23" s="666"/>
      <c r="CH23" s="666"/>
      <c r="CI23" s="666"/>
      <c r="CJ23" s="666"/>
      <c r="CK23" s="666"/>
      <c r="CL23" s="666"/>
      <c r="CM23" s="666"/>
      <c r="CN23" s="666"/>
      <c r="CO23" s="666"/>
      <c r="CP23" s="666"/>
      <c r="CQ23" s="667"/>
      <c r="CR23" s="665" t="s">
        <v>
292</v>
      </c>
      <c r="CS23" s="666"/>
      <c r="CT23" s="666"/>
      <c r="CU23" s="666"/>
      <c r="CV23" s="666"/>
      <c r="CW23" s="666"/>
      <c r="CX23" s="666"/>
      <c r="CY23" s="667"/>
      <c r="CZ23" s="665" t="s">
        <v>
293</v>
      </c>
      <c r="DA23" s="666"/>
      <c r="DB23" s="666"/>
      <c r="DC23" s="667"/>
      <c r="DD23" s="665" t="s">
        <v>
294</v>
      </c>
      <c r="DE23" s="666"/>
      <c r="DF23" s="666"/>
      <c r="DG23" s="666"/>
      <c r="DH23" s="666"/>
      <c r="DI23" s="666"/>
      <c r="DJ23" s="666"/>
      <c r="DK23" s="667"/>
      <c r="DL23" s="714" t="s">
        <v>
295</v>
      </c>
      <c r="DM23" s="715"/>
      <c r="DN23" s="715"/>
      <c r="DO23" s="715"/>
      <c r="DP23" s="715"/>
      <c r="DQ23" s="715"/>
      <c r="DR23" s="715"/>
      <c r="DS23" s="715"/>
      <c r="DT23" s="715"/>
      <c r="DU23" s="715"/>
      <c r="DV23" s="716"/>
      <c r="DW23" s="665" t="s">
        <v>
296</v>
      </c>
      <c r="DX23" s="666"/>
      <c r="DY23" s="666"/>
      <c r="DZ23" s="666"/>
      <c r="EA23" s="666"/>
      <c r="EB23" s="666"/>
      <c r="EC23" s="667"/>
    </row>
    <row r="24" spans="2:133" ht="11.25" customHeight="1" x14ac:dyDescent="0.2">
      <c r="B24" s="680" t="s">
        <v>
297</v>
      </c>
      <c r="C24" s="681"/>
      <c r="D24" s="681"/>
      <c r="E24" s="681"/>
      <c r="F24" s="681"/>
      <c r="G24" s="681"/>
      <c r="H24" s="681"/>
      <c r="I24" s="681"/>
      <c r="J24" s="681"/>
      <c r="K24" s="681"/>
      <c r="L24" s="681"/>
      <c r="M24" s="681"/>
      <c r="N24" s="681"/>
      <c r="O24" s="681"/>
      <c r="P24" s="681"/>
      <c r="Q24" s="682"/>
      <c r="R24" s="683" t="s">
        <v>
178</v>
      </c>
      <c r="S24" s="684"/>
      <c r="T24" s="684"/>
      <c r="U24" s="684"/>
      <c r="V24" s="684"/>
      <c r="W24" s="684"/>
      <c r="X24" s="684"/>
      <c r="Y24" s="685"/>
      <c r="Z24" s="686" t="s">
        <v>
178</v>
      </c>
      <c r="AA24" s="686"/>
      <c r="AB24" s="686"/>
      <c r="AC24" s="686"/>
      <c r="AD24" s="687" t="s">
        <v>
242</v>
      </c>
      <c r="AE24" s="687"/>
      <c r="AF24" s="687"/>
      <c r="AG24" s="687"/>
      <c r="AH24" s="687"/>
      <c r="AI24" s="687"/>
      <c r="AJ24" s="687"/>
      <c r="AK24" s="687"/>
      <c r="AL24" s="688" t="s">
        <v>
178</v>
      </c>
      <c r="AM24" s="689"/>
      <c r="AN24" s="689"/>
      <c r="AO24" s="690"/>
      <c r="AP24" s="702" t="s">
        <v>
298</v>
      </c>
      <c r="AQ24" s="703"/>
      <c r="AR24" s="703"/>
      <c r="AS24" s="703"/>
      <c r="AT24" s="703"/>
      <c r="AU24" s="703"/>
      <c r="AV24" s="703"/>
      <c r="AW24" s="703"/>
      <c r="AX24" s="703"/>
      <c r="AY24" s="703"/>
      <c r="AZ24" s="703"/>
      <c r="BA24" s="703"/>
      <c r="BB24" s="703"/>
      <c r="BC24" s="703"/>
      <c r="BD24" s="703"/>
      <c r="BE24" s="703"/>
      <c r="BF24" s="704"/>
      <c r="BG24" s="683" t="s">
        <v>
178</v>
      </c>
      <c r="BH24" s="684"/>
      <c r="BI24" s="684"/>
      <c r="BJ24" s="684"/>
      <c r="BK24" s="684"/>
      <c r="BL24" s="684"/>
      <c r="BM24" s="684"/>
      <c r="BN24" s="685"/>
      <c r="BO24" s="686" t="s">
        <v>
178</v>
      </c>
      <c r="BP24" s="686"/>
      <c r="BQ24" s="686"/>
      <c r="BR24" s="686"/>
      <c r="BS24" s="692" t="s">
        <v>
178</v>
      </c>
      <c r="BT24" s="684"/>
      <c r="BU24" s="684"/>
      <c r="BV24" s="684"/>
      <c r="BW24" s="684"/>
      <c r="BX24" s="684"/>
      <c r="BY24" s="684"/>
      <c r="BZ24" s="684"/>
      <c r="CA24" s="684"/>
      <c r="CB24" s="693"/>
      <c r="CD24" s="694" t="s">
        <v>
299</v>
      </c>
      <c r="CE24" s="695"/>
      <c r="CF24" s="695"/>
      <c r="CG24" s="695"/>
      <c r="CH24" s="695"/>
      <c r="CI24" s="695"/>
      <c r="CJ24" s="695"/>
      <c r="CK24" s="695"/>
      <c r="CL24" s="695"/>
      <c r="CM24" s="695"/>
      <c r="CN24" s="695"/>
      <c r="CO24" s="695"/>
      <c r="CP24" s="695"/>
      <c r="CQ24" s="696"/>
      <c r="CR24" s="672">
        <v>
79012736</v>
      </c>
      <c r="CS24" s="673"/>
      <c r="CT24" s="673"/>
      <c r="CU24" s="673"/>
      <c r="CV24" s="673"/>
      <c r="CW24" s="673"/>
      <c r="CX24" s="673"/>
      <c r="CY24" s="674"/>
      <c r="CZ24" s="677">
        <v>
54.1</v>
      </c>
      <c r="DA24" s="678"/>
      <c r="DB24" s="678"/>
      <c r="DC24" s="697"/>
      <c r="DD24" s="722">
        <v>
45187318</v>
      </c>
      <c r="DE24" s="673"/>
      <c r="DF24" s="673"/>
      <c r="DG24" s="673"/>
      <c r="DH24" s="673"/>
      <c r="DI24" s="673"/>
      <c r="DJ24" s="673"/>
      <c r="DK24" s="674"/>
      <c r="DL24" s="722">
        <v>
43866761</v>
      </c>
      <c r="DM24" s="673"/>
      <c r="DN24" s="673"/>
      <c r="DO24" s="673"/>
      <c r="DP24" s="673"/>
      <c r="DQ24" s="673"/>
      <c r="DR24" s="673"/>
      <c r="DS24" s="673"/>
      <c r="DT24" s="673"/>
      <c r="DU24" s="673"/>
      <c r="DV24" s="674"/>
      <c r="DW24" s="677">
        <v>
46.9</v>
      </c>
      <c r="DX24" s="678"/>
      <c r="DY24" s="678"/>
      <c r="DZ24" s="678"/>
      <c r="EA24" s="678"/>
      <c r="EB24" s="678"/>
      <c r="EC24" s="679"/>
    </row>
    <row r="25" spans="2:133" ht="11.25" customHeight="1" x14ac:dyDescent="0.2">
      <c r="B25" s="680" t="s">
        <v>
300</v>
      </c>
      <c r="C25" s="681"/>
      <c r="D25" s="681"/>
      <c r="E25" s="681"/>
      <c r="F25" s="681"/>
      <c r="G25" s="681"/>
      <c r="H25" s="681"/>
      <c r="I25" s="681"/>
      <c r="J25" s="681"/>
      <c r="K25" s="681"/>
      <c r="L25" s="681"/>
      <c r="M25" s="681"/>
      <c r="N25" s="681"/>
      <c r="O25" s="681"/>
      <c r="P25" s="681"/>
      <c r="Q25" s="682"/>
      <c r="R25" s="683" t="s">
        <v>
178</v>
      </c>
      <c r="S25" s="684"/>
      <c r="T25" s="684"/>
      <c r="U25" s="684"/>
      <c r="V25" s="684"/>
      <c r="W25" s="684"/>
      <c r="X25" s="684"/>
      <c r="Y25" s="685"/>
      <c r="Z25" s="686" t="s">
        <v>
178</v>
      </c>
      <c r="AA25" s="686"/>
      <c r="AB25" s="686"/>
      <c r="AC25" s="686"/>
      <c r="AD25" s="687" t="s">
        <v>
242</v>
      </c>
      <c r="AE25" s="687"/>
      <c r="AF25" s="687"/>
      <c r="AG25" s="687"/>
      <c r="AH25" s="687"/>
      <c r="AI25" s="687"/>
      <c r="AJ25" s="687"/>
      <c r="AK25" s="687"/>
      <c r="AL25" s="688" t="s">
        <v>
242</v>
      </c>
      <c r="AM25" s="689"/>
      <c r="AN25" s="689"/>
      <c r="AO25" s="690"/>
      <c r="AP25" s="702" t="s">
        <v>
301</v>
      </c>
      <c r="AQ25" s="703"/>
      <c r="AR25" s="703"/>
      <c r="AS25" s="703"/>
      <c r="AT25" s="703"/>
      <c r="AU25" s="703"/>
      <c r="AV25" s="703"/>
      <c r="AW25" s="703"/>
      <c r="AX25" s="703"/>
      <c r="AY25" s="703"/>
      <c r="AZ25" s="703"/>
      <c r="BA25" s="703"/>
      <c r="BB25" s="703"/>
      <c r="BC25" s="703"/>
      <c r="BD25" s="703"/>
      <c r="BE25" s="703"/>
      <c r="BF25" s="704"/>
      <c r="BG25" s="683" t="s">
        <v>
242</v>
      </c>
      <c r="BH25" s="684"/>
      <c r="BI25" s="684"/>
      <c r="BJ25" s="684"/>
      <c r="BK25" s="684"/>
      <c r="BL25" s="684"/>
      <c r="BM25" s="684"/>
      <c r="BN25" s="685"/>
      <c r="BO25" s="686" t="s">
        <v>
178</v>
      </c>
      <c r="BP25" s="686"/>
      <c r="BQ25" s="686"/>
      <c r="BR25" s="686"/>
      <c r="BS25" s="692" t="s">
        <v>
178</v>
      </c>
      <c r="BT25" s="684"/>
      <c r="BU25" s="684"/>
      <c r="BV25" s="684"/>
      <c r="BW25" s="684"/>
      <c r="BX25" s="684"/>
      <c r="BY25" s="684"/>
      <c r="BZ25" s="684"/>
      <c r="CA25" s="684"/>
      <c r="CB25" s="693"/>
      <c r="CD25" s="698" t="s">
        <v>
302</v>
      </c>
      <c r="CE25" s="699"/>
      <c r="CF25" s="699"/>
      <c r="CG25" s="699"/>
      <c r="CH25" s="699"/>
      <c r="CI25" s="699"/>
      <c r="CJ25" s="699"/>
      <c r="CK25" s="699"/>
      <c r="CL25" s="699"/>
      <c r="CM25" s="699"/>
      <c r="CN25" s="699"/>
      <c r="CO25" s="699"/>
      <c r="CP25" s="699"/>
      <c r="CQ25" s="700"/>
      <c r="CR25" s="683">
        <v>
26630694</v>
      </c>
      <c r="CS25" s="719"/>
      <c r="CT25" s="719"/>
      <c r="CU25" s="719"/>
      <c r="CV25" s="719"/>
      <c r="CW25" s="719"/>
      <c r="CX25" s="719"/>
      <c r="CY25" s="720"/>
      <c r="CZ25" s="688">
        <v>
18.2</v>
      </c>
      <c r="DA25" s="717"/>
      <c r="DB25" s="717"/>
      <c r="DC25" s="721"/>
      <c r="DD25" s="692">
        <v>
24501650</v>
      </c>
      <c r="DE25" s="719"/>
      <c r="DF25" s="719"/>
      <c r="DG25" s="719"/>
      <c r="DH25" s="719"/>
      <c r="DI25" s="719"/>
      <c r="DJ25" s="719"/>
      <c r="DK25" s="720"/>
      <c r="DL25" s="692">
        <v>
23915317</v>
      </c>
      <c r="DM25" s="719"/>
      <c r="DN25" s="719"/>
      <c r="DO25" s="719"/>
      <c r="DP25" s="719"/>
      <c r="DQ25" s="719"/>
      <c r="DR25" s="719"/>
      <c r="DS25" s="719"/>
      <c r="DT25" s="719"/>
      <c r="DU25" s="719"/>
      <c r="DV25" s="720"/>
      <c r="DW25" s="688">
        <v>
25.5</v>
      </c>
      <c r="DX25" s="717"/>
      <c r="DY25" s="717"/>
      <c r="DZ25" s="717"/>
      <c r="EA25" s="717"/>
      <c r="EB25" s="717"/>
      <c r="EC25" s="718"/>
    </row>
    <row r="26" spans="2:133" ht="11.25" customHeight="1" x14ac:dyDescent="0.2">
      <c r="B26" s="680" t="s">
        <v>
303</v>
      </c>
      <c r="C26" s="681"/>
      <c r="D26" s="681"/>
      <c r="E26" s="681"/>
      <c r="F26" s="681"/>
      <c r="G26" s="681"/>
      <c r="H26" s="681"/>
      <c r="I26" s="681"/>
      <c r="J26" s="681"/>
      <c r="K26" s="681"/>
      <c r="L26" s="681"/>
      <c r="M26" s="681"/>
      <c r="N26" s="681"/>
      <c r="O26" s="681"/>
      <c r="P26" s="681"/>
      <c r="Q26" s="682"/>
      <c r="R26" s="683">
        <v>
62732687</v>
      </c>
      <c r="S26" s="684"/>
      <c r="T26" s="684"/>
      <c r="U26" s="684"/>
      <c r="V26" s="684"/>
      <c r="W26" s="684"/>
      <c r="X26" s="684"/>
      <c r="Y26" s="685"/>
      <c r="Z26" s="686">
        <v>
41.9</v>
      </c>
      <c r="AA26" s="686"/>
      <c r="AB26" s="686"/>
      <c r="AC26" s="686"/>
      <c r="AD26" s="687">
        <v>
62732687</v>
      </c>
      <c r="AE26" s="687"/>
      <c r="AF26" s="687"/>
      <c r="AG26" s="687"/>
      <c r="AH26" s="687"/>
      <c r="AI26" s="687"/>
      <c r="AJ26" s="687"/>
      <c r="AK26" s="687"/>
      <c r="AL26" s="688">
        <v>
67</v>
      </c>
      <c r="AM26" s="689"/>
      <c r="AN26" s="689"/>
      <c r="AO26" s="690"/>
      <c r="AP26" s="702" t="s">
        <v>
304</v>
      </c>
      <c r="AQ26" s="723"/>
      <c r="AR26" s="723"/>
      <c r="AS26" s="723"/>
      <c r="AT26" s="723"/>
      <c r="AU26" s="723"/>
      <c r="AV26" s="723"/>
      <c r="AW26" s="723"/>
      <c r="AX26" s="723"/>
      <c r="AY26" s="723"/>
      <c r="AZ26" s="723"/>
      <c r="BA26" s="723"/>
      <c r="BB26" s="723"/>
      <c r="BC26" s="723"/>
      <c r="BD26" s="723"/>
      <c r="BE26" s="723"/>
      <c r="BF26" s="704"/>
      <c r="BG26" s="683" t="s">
        <v>
178</v>
      </c>
      <c r="BH26" s="684"/>
      <c r="BI26" s="684"/>
      <c r="BJ26" s="684"/>
      <c r="BK26" s="684"/>
      <c r="BL26" s="684"/>
      <c r="BM26" s="684"/>
      <c r="BN26" s="685"/>
      <c r="BO26" s="686" t="s">
        <v>
178</v>
      </c>
      <c r="BP26" s="686"/>
      <c r="BQ26" s="686"/>
      <c r="BR26" s="686"/>
      <c r="BS26" s="692" t="s">
        <v>
242</v>
      </c>
      <c r="BT26" s="684"/>
      <c r="BU26" s="684"/>
      <c r="BV26" s="684"/>
      <c r="BW26" s="684"/>
      <c r="BX26" s="684"/>
      <c r="BY26" s="684"/>
      <c r="BZ26" s="684"/>
      <c r="CA26" s="684"/>
      <c r="CB26" s="693"/>
      <c r="CD26" s="698" t="s">
        <v>
305</v>
      </c>
      <c r="CE26" s="699"/>
      <c r="CF26" s="699"/>
      <c r="CG26" s="699"/>
      <c r="CH26" s="699"/>
      <c r="CI26" s="699"/>
      <c r="CJ26" s="699"/>
      <c r="CK26" s="699"/>
      <c r="CL26" s="699"/>
      <c r="CM26" s="699"/>
      <c r="CN26" s="699"/>
      <c r="CO26" s="699"/>
      <c r="CP26" s="699"/>
      <c r="CQ26" s="700"/>
      <c r="CR26" s="683">
        <v>
17499317</v>
      </c>
      <c r="CS26" s="684"/>
      <c r="CT26" s="684"/>
      <c r="CU26" s="684"/>
      <c r="CV26" s="684"/>
      <c r="CW26" s="684"/>
      <c r="CX26" s="684"/>
      <c r="CY26" s="685"/>
      <c r="CZ26" s="688">
        <v>
12</v>
      </c>
      <c r="DA26" s="717"/>
      <c r="DB26" s="717"/>
      <c r="DC26" s="721"/>
      <c r="DD26" s="692">
        <v>
16001562</v>
      </c>
      <c r="DE26" s="684"/>
      <c r="DF26" s="684"/>
      <c r="DG26" s="684"/>
      <c r="DH26" s="684"/>
      <c r="DI26" s="684"/>
      <c r="DJ26" s="684"/>
      <c r="DK26" s="685"/>
      <c r="DL26" s="692" t="s">
        <v>
178</v>
      </c>
      <c r="DM26" s="684"/>
      <c r="DN26" s="684"/>
      <c r="DO26" s="684"/>
      <c r="DP26" s="684"/>
      <c r="DQ26" s="684"/>
      <c r="DR26" s="684"/>
      <c r="DS26" s="684"/>
      <c r="DT26" s="684"/>
      <c r="DU26" s="684"/>
      <c r="DV26" s="685"/>
      <c r="DW26" s="688" t="s">
        <v>
242</v>
      </c>
      <c r="DX26" s="717"/>
      <c r="DY26" s="717"/>
      <c r="DZ26" s="717"/>
      <c r="EA26" s="717"/>
      <c r="EB26" s="717"/>
      <c r="EC26" s="718"/>
    </row>
    <row r="27" spans="2:133" ht="11.25" customHeight="1" x14ac:dyDescent="0.2">
      <c r="B27" s="680" t="s">
        <v>
306</v>
      </c>
      <c r="C27" s="681"/>
      <c r="D27" s="681"/>
      <c r="E27" s="681"/>
      <c r="F27" s="681"/>
      <c r="G27" s="681"/>
      <c r="H27" s="681"/>
      <c r="I27" s="681"/>
      <c r="J27" s="681"/>
      <c r="K27" s="681"/>
      <c r="L27" s="681"/>
      <c r="M27" s="681"/>
      <c r="N27" s="681"/>
      <c r="O27" s="681"/>
      <c r="P27" s="681"/>
      <c r="Q27" s="682"/>
      <c r="R27" s="683">
        <v>
32241</v>
      </c>
      <c r="S27" s="684"/>
      <c r="T27" s="684"/>
      <c r="U27" s="684"/>
      <c r="V27" s="684"/>
      <c r="W27" s="684"/>
      <c r="X27" s="684"/>
      <c r="Y27" s="685"/>
      <c r="Z27" s="686">
        <v>
0</v>
      </c>
      <c r="AA27" s="686"/>
      <c r="AB27" s="686"/>
      <c r="AC27" s="686"/>
      <c r="AD27" s="687">
        <v>
32241</v>
      </c>
      <c r="AE27" s="687"/>
      <c r="AF27" s="687"/>
      <c r="AG27" s="687"/>
      <c r="AH27" s="687"/>
      <c r="AI27" s="687"/>
      <c r="AJ27" s="687"/>
      <c r="AK27" s="687"/>
      <c r="AL27" s="688">
        <v>
0</v>
      </c>
      <c r="AM27" s="689"/>
      <c r="AN27" s="689"/>
      <c r="AO27" s="690"/>
      <c r="AP27" s="680" t="s">
        <v>
307</v>
      </c>
      <c r="AQ27" s="681"/>
      <c r="AR27" s="681"/>
      <c r="AS27" s="681"/>
      <c r="AT27" s="681"/>
      <c r="AU27" s="681"/>
      <c r="AV27" s="681"/>
      <c r="AW27" s="681"/>
      <c r="AX27" s="681"/>
      <c r="AY27" s="681"/>
      <c r="AZ27" s="681"/>
      <c r="BA27" s="681"/>
      <c r="BB27" s="681"/>
      <c r="BC27" s="681"/>
      <c r="BD27" s="681"/>
      <c r="BE27" s="681"/>
      <c r="BF27" s="682"/>
      <c r="BG27" s="683">
        <v>
49902484</v>
      </c>
      <c r="BH27" s="684"/>
      <c r="BI27" s="684"/>
      <c r="BJ27" s="684"/>
      <c r="BK27" s="684"/>
      <c r="BL27" s="684"/>
      <c r="BM27" s="684"/>
      <c r="BN27" s="685"/>
      <c r="BO27" s="686">
        <v>
100</v>
      </c>
      <c r="BP27" s="686"/>
      <c r="BQ27" s="686"/>
      <c r="BR27" s="686"/>
      <c r="BS27" s="692" t="s">
        <v>
178</v>
      </c>
      <c r="BT27" s="684"/>
      <c r="BU27" s="684"/>
      <c r="BV27" s="684"/>
      <c r="BW27" s="684"/>
      <c r="BX27" s="684"/>
      <c r="BY27" s="684"/>
      <c r="BZ27" s="684"/>
      <c r="CA27" s="684"/>
      <c r="CB27" s="693"/>
      <c r="CD27" s="698" t="s">
        <v>
308</v>
      </c>
      <c r="CE27" s="699"/>
      <c r="CF27" s="699"/>
      <c r="CG27" s="699"/>
      <c r="CH27" s="699"/>
      <c r="CI27" s="699"/>
      <c r="CJ27" s="699"/>
      <c r="CK27" s="699"/>
      <c r="CL27" s="699"/>
      <c r="CM27" s="699"/>
      <c r="CN27" s="699"/>
      <c r="CO27" s="699"/>
      <c r="CP27" s="699"/>
      <c r="CQ27" s="700"/>
      <c r="CR27" s="683">
        <v>
50106811</v>
      </c>
      <c r="CS27" s="719"/>
      <c r="CT27" s="719"/>
      <c r="CU27" s="719"/>
      <c r="CV27" s="719"/>
      <c r="CW27" s="719"/>
      <c r="CX27" s="719"/>
      <c r="CY27" s="720"/>
      <c r="CZ27" s="688">
        <v>
34.299999999999997</v>
      </c>
      <c r="DA27" s="717"/>
      <c r="DB27" s="717"/>
      <c r="DC27" s="721"/>
      <c r="DD27" s="692">
        <v>
18410437</v>
      </c>
      <c r="DE27" s="719"/>
      <c r="DF27" s="719"/>
      <c r="DG27" s="719"/>
      <c r="DH27" s="719"/>
      <c r="DI27" s="719"/>
      <c r="DJ27" s="719"/>
      <c r="DK27" s="720"/>
      <c r="DL27" s="692">
        <v>
17676213</v>
      </c>
      <c r="DM27" s="719"/>
      <c r="DN27" s="719"/>
      <c r="DO27" s="719"/>
      <c r="DP27" s="719"/>
      <c r="DQ27" s="719"/>
      <c r="DR27" s="719"/>
      <c r="DS27" s="719"/>
      <c r="DT27" s="719"/>
      <c r="DU27" s="719"/>
      <c r="DV27" s="720"/>
      <c r="DW27" s="688">
        <v>
18.899999999999999</v>
      </c>
      <c r="DX27" s="717"/>
      <c r="DY27" s="717"/>
      <c r="DZ27" s="717"/>
      <c r="EA27" s="717"/>
      <c r="EB27" s="717"/>
      <c r="EC27" s="718"/>
    </row>
    <row r="28" spans="2:133" ht="11.25" customHeight="1" x14ac:dyDescent="0.2">
      <c r="B28" s="680" t="s">
        <v>
309</v>
      </c>
      <c r="C28" s="681"/>
      <c r="D28" s="681"/>
      <c r="E28" s="681"/>
      <c r="F28" s="681"/>
      <c r="G28" s="681"/>
      <c r="H28" s="681"/>
      <c r="I28" s="681"/>
      <c r="J28" s="681"/>
      <c r="K28" s="681"/>
      <c r="L28" s="681"/>
      <c r="M28" s="681"/>
      <c r="N28" s="681"/>
      <c r="O28" s="681"/>
      <c r="P28" s="681"/>
      <c r="Q28" s="682"/>
      <c r="R28" s="683">
        <v>
1828629</v>
      </c>
      <c r="S28" s="684"/>
      <c r="T28" s="684"/>
      <c r="U28" s="684"/>
      <c r="V28" s="684"/>
      <c r="W28" s="684"/>
      <c r="X28" s="684"/>
      <c r="Y28" s="685"/>
      <c r="Z28" s="686">
        <v>
1.2</v>
      </c>
      <c r="AA28" s="686"/>
      <c r="AB28" s="686"/>
      <c r="AC28" s="686"/>
      <c r="AD28" s="687" t="s">
        <v>
242</v>
      </c>
      <c r="AE28" s="687"/>
      <c r="AF28" s="687"/>
      <c r="AG28" s="687"/>
      <c r="AH28" s="687"/>
      <c r="AI28" s="687"/>
      <c r="AJ28" s="687"/>
      <c r="AK28" s="687"/>
      <c r="AL28" s="688" t="s">
        <v>
178</v>
      </c>
      <c r="AM28" s="689"/>
      <c r="AN28" s="689"/>
      <c r="AO28" s="690"/>
      <c r="AP28" s="680"/>
      <c r="AQ28" s="681"/>
      <c r="AR28" s="681"/>
      <c r="AS28" s="681"/>
      <c r="AT28" s="681"/>
      <c r="AU28" s="681"/>
      <c r="AV28" s="681"/>
      <c r="AW28" s="681"/>
      <c r="AX28" s="681"/>
      <c r="AY28" s="681"/>
      <c r="AZ28" s="681"/>
      <c r="BA28" s="681"/>
      <c r="BB28" s="681"/>
      <c r="BC28" s="681"/>
      <c r="BD28" s="681"/>
      <c r="BE28" s="681"/>
      <c r="BF28" s="682"/>
      <c r="BG28" s="683"/>
      <c r="BH28" s="684"/>
      <c r="BI28" s="684"/>
      <c r="BJ28" s="684"/>
      <c r="BK28" s="684"/>
      <c r="BL28" s="684"/>
      <c r="BM28" s="684"/>
      <c r="BN28" s="685"/>
      <c r="BO28" s="686"/>
      <c r="BP28" s="686"/>
      <c r="BQ28" s="686"/>
      <c r="BR28" s="686"/>
      <c r="BS28" s="692"/>
      <c r="BT28" s="684"/>
      <c r="BU28" s="684"/>
      <c r="BV28" s="684"/>
      <c r="BW28" s="684"/>
      <c r="BX28" s="684"/>
      <c r="BY28" s="684"/>
      <c r="BZ28" s="684"/>
      <c r="CA28" s="684"/>
      <c r="CB28" s="693"/>
      <c r="CD28" s="698" t="s">
        <v>
310</v>
      </c>
      <c r="CE28" s="699"/>
      <c r="CF28" s="699"/>
      <c r="CG28" s="699"/>
      <c r="CH28" s="699"/>
      <c r="CI28" s="699"/>
      <c r="CJ28" s="699"/>
      <c r="CK28" s="699"/>
      <c r="CL28" s="699"/>
      <c r="CM28" s="699"/>
      <c r="CN28" s="699"/>
      <c r="CO28" s="699"/>
      <c r="CP28" s="699"/>
      <c r="CQ28" s="700"/>
      <c r="CR28" s="683">
        <v>
2275231</v>
      </c>
      <c r="CS28" s="684"/>
      <c r="CT28" s="684"/>
      <c r="CU28" s="684"/>
      <c r="CV28" s="684"/>
      <c r="CW28" s="684"/>
      <c r="CX28" s="684"/>
      <c r="CY28" s="685"/>
      <c r="CZ28" s="688">
        <v>
1.6</v>
      </c>
      <c r="DA28" s="717"/>
      <c r="DB28" s="717"/>
      <c r="DC28" s="721"/>
      <c r="DD28" s="692">
        <v>
2275231</v>
      </c>
      <c r="DE28" s="684"/>
      <c r="DF28" s="684"/>
      <c r="DG28" s="684"/>
      <c r="DH28" s="684"/>
      <c r="DI28" s="684"/>
      <c r="DJ28" s="684"/>
      <c r="DK28" s="685"/>
      <c r="DL28" s="692">
        <v>
2275231</v>
      </c>
      <c r="DM28" s="684"/>
      <c r="DN28" s="684"/>
      <c r="DO28" s="684"/>
      <c r="DP28" s="684"/>
      <c r="DQ28" s="684"/>
      <c r="DR28" s="684"/>
      <c r="DS28" s="684"/>
      <c r="DT28" s="684"/>
      <c r="DU28" s="684"/>
      <c r="DV28" s="685"/>
      <c r="DW28" s="688">
        <v>
2.4</v>
      </c>
      <c r="DX28" s="717"/>
      <c r="DY28" s="717"/>
      <c r="DZ28" s="717"/>
      <c r="EA28" s="717"/>
      <c r="EB28" s="717"/>
      <c r="EC28" s="718"/>
    </row>
    <row r="29" spans="2:133" ht="11.25" customHeight="1" x14ac:dyDescent="0.2">
      <c r="B29" s="680" t="s">
        <v>
311</v>
      </c>
      <c r="C29" s="681"/>
      <c r="D29" s="681"/>
      <c r="E29" s="681"/>
      <c r="F29" s="681"/>
      <c r="G29" s="681"/>
      <c r="H29" s="681"/>
      <c r="I29" s="681"/>
      <c r="J29" s="681"/>
      <c r="K29" s="681"/>
      <c r="L29" s="681"/>
      <c r="M29" s="681"/>
      <c r="N29" s="681"/>
      <c r="O29" s="681"/>
      <c r="P29" s="681"/>
      <c r="Q29" s="682"/>
      <c r="R29" s="683">
        <v>
4160516</v>
      </c>
      <c r="S29" s="684"/>
      <c r="T29" s="684"/>
      <c r="U29" s="684"/>
      <c r="V29" s="684"/>
      <c r="W29" s="684"/>
      <c r="X29" s="684"/>
      <c r="Y29" s="685"/>
      <c r="Z29" s="686">
        <v>
2.8</v>
      </c>
      <c r="AA29" s="686"/>
      <c r="AB29" s="686"/>
      <c r="AC29" s="686"/>
      <c r="AD29" s="687">
        <v>
2480136</v>
      </c>
      <c r="AE29" s="687"/>
      <c r="AF29" s="687"/>
      <c r="AG29" s="687"/>
      <c r="AH29" s="687"/>
      <c r="AI29" s="687"/>
      <c r="AJ29" s="687"/>
      <c r="AK29" s="687"/>
      <c r="AL29" s="688">
        <v>
2.6</v>
      </c>
      <c r="AM29" s="689"/>
      <c r="AN29" s="689"/>
      <c r="AO29" s="690"/>
      <c r="AP29" s="724"/>
      <c r="AQ29" s="725"/>
      <c r="AR29" s="725"/>
      <c r="AS29" s="725"/>
      <c r="AT29" s="725"/>
      <c r="AU29" s="725"/>
      <c r="AV29" s="725"/>
      <c r="AW29" s="725"/>
      <c r="AX29" s="725"/>
      <c r="AY29" s="725"/>
      <c r="AZ29" s="725"/>
      <c r="BA29" s="725"/>
      <c r="BB29" s="725"/>
      <c r="BC29" s="725"/>
      <c r="BD29" s="725"/>
      <c r="BE29" s="725"/>
      <c r="BF29" s="726"/>
      <c r="BG29" s="683"/>
      <c r="BH29" s="684"/>
      <c r="BI29" s="684"/>
      <c r="BJ29" s="684"/>
      <c r="BK29" s="684"/>
      <c r="BL29" s="684"/>
      <c r="BM29" s="684"/>
      <c r="BN29" s="685"/>
      <c r="BO29" s="686"/>
      <c r="BP29" s="686"/>
      <c r="BQ29" s="686"/>
      <c r="BR29" s="686"/>
      <c r="BS29" s="687"/>
      <c r="BT29" s="687"/>
      <c r="BU29" s="687"/>
      <c r="BV29" s="687"/>
      <c r="BW29" s="687"/>
      <c r="BX29" s="687"/>
      <c r="BY29" s="687"/>
      <c r="BZ29" s="687"/>
      <c r="CA29" s="687"/>
      <c r="CB29" s="691"/>
      <c r="CD29" s="727" t="s">
        <v>
312</v>
      </c>
      <c r="CE29" s="728"/>
      <c r="CF29" s="698" t="s">
        <v>
313</v>
      </c>
      <c r="CG29" s="699"/>
      <c r="CH29" s="699"/>
      <c r="CI29" s="699"/>
      <c r="CJ29" s="699"/>
      <c r="CK29" s="699"/>
      <c r="CL29" s="699"/>
      <c r="CM29" s="699"/>
      <c r="CN29" s="699"/>
      <c r="CO29" s="699"/>
      <c r="CP29" s="699"/>
      <c r="CQ29" s="700"/>
      <c r="CR29" s="683">
        <v>
2275231</v>
      </c>
      <c r="CS29" s="719"/>
      <c r="CT29" s="719"/>
      <c r="CU29" s="719"/>
      <c r="CV29" s="719"/>
      <c r="CW29" s="719"/>
      <c r="CX29" s="719"/>
      <c r="CY29" s="720"/>
      <c r="CZ29" s="688">
        <v>
1.6</v>
      </c>
      <c r="DA29" s="717"/>
      <c r="DB29" s="717"/>
      <c r="DC29" s="721"/>
      <c r="DD29" s="692">
        <v>
2275231</v>
      </c>
      <c r="DE29" s="719"/>
      <c r="DF29" s="719"/>
      <c r="DG29" s="719"/>
      <c r="DH29" s="719"/>
      <c r="DI29" s="719"/>
      <c r="DJ29" s="719"/>
      <c r="DK29" s="720"/>
      <c r="DL29" s="692">
        <v>
2275231</v>
      </c>
      <c r="DM29" s="719"/>
      <c r="DN29" s="719"/>
      <c r="DO29" s="719"/>
      <c r="DP29" s="719"/>
      <c r="DQ29" s="719"/>
      <c r="DR29" s="719"/>
      <c r="DS29" s="719"/>
      <c r="DT29" s="719"/>
      <c r="DU29" s="719"/>
      <c r="DV29" s="720"/>
      <c r="DW29" s="688">
        <v>
2.4</v>
      </c>
      <c r="DX29" s="717"/>
      <c r="DY29" s="717"/>
      <c r="DZ29" s="717"/>
      <c r="EA29" s="717"/>
      <c r="EB29" s="717"/>
      <c r="EC29" s="718"/>
    </row>
    <row r="30" spans="2:133" ht="11.25" customHeight="1" x14ac:dyDescent="0.2">
      <c r="B30" s="680" t="s">
        <v>
314</v>
      </c>
      <c r="C30" s="681"/>
      <c r="D30" s="681"/>
      <c r="E30" s="681"/>
      <c r="F30" s="681"/>
      <c r="G30" s="681"/>
      <c r="H30" s="681"/>
      <c r="I30" s="681"/>
      <c r="J30" s="681"/>
      <c r="K30" s="681"/>
      <c r="L30" s="681"/>
      <c r="M30" s="681"/>
      <c r="N30" s="681"/>
      <c r="O30" s="681"/>
      <c r="P30" s="681"/>
      <c r="Q30" s="682"/>
      <c r="R30" s="683">
        <v>
920980</v>
      </c>
      <c r="S30" s="684"/>
      <c r="T30" s="684"/>
      <c r="U30" s="684"/>
      <c r="V30" s="684"/>
      <c r="W30" s="684"/>
      <c r="X30" s="684"/>
      <c r="Y30" s="685"/>
      <c r="Z30" s="686">
        <v>
0.6</v>
      </c>
      <c r="AA30" s="686"/>
      <c r="AB30" s="686"/>
      <c r="AC30" s="686"/>
      <c r="AD30" s="687" t="s">
        <v>
178</v>
      </c>
      <c r="AE30" s="687"/>
      <c r="AF30" s="687"/>
      <c r="AG30" s="687"/>
      <c r="AH30" s="687"/>
      <c r="AI30" s="687"/>
      <c r="AJ30" s="687"/>
      <c r="AK30" s="687"/>
      <c r="AL30" s="688" t="s">
        <v>
242</v>
      </c>
      <c r="AM30" s="689"/>
      <c r="AN30" s="689"/>
      <c r="AO30" s="690"/>
      <c r="AP30" s="662" t="s">
        <v>
230</v>
      </c>
      <c r="AQ30" s="663"/>
      <c r="AR30" s="663"/>
      <c r="AS30" s="663"/>
      <c r="AT30" s="663"/>
      <c r="AU30" s="663"/>
      <c r="AV30" s="663"/>
      <c r="AW30" s="663"/>
      <c r="AX30" s="663"/>
      <c r="AY30" s="663"/>
      <c r="AZ30" s="663"/>
      <c r="BA30" s="663"/>
      <c r="BB30" s="663"/>
      <c r="BC30" s="663"/>
      <c r="BD30" s="663"/>
      <c r="BE30" s="663"/>
      <c r="BF30" s="664"/>
      <c r="BG30" s="662" t="s">
        <v>
315</v>
      </c>
      <c r="BH30" s="736"/>
      <c r="BI30" s="736"/>
      <c r="BJ30" s="736"/>
      <c r="BK30" s="736"/>
      <c r="BL30" s="736"/>
      <c r="BM30" s="736"/>
      <c r="BN30" s="736"/>
      <c r="BO30" s="736"/>
      <c r="BP30" s="736"/>
      <c r="BQ30" s="737"/>
      <c r="BR30" s="662" t="s">
        <v>
316</v>
      </c>
      <c r="BS30" s="736"/>
      <c r="BT30" s="736"/>
      <c r="BU30" s="736"/>
      <c r="BV30" s="736"/>
      <c r="BW30" s="736"/>
      <c r="BX30" s="736"/>
      <c r="BY30" s="736"/>
      <c r="BZ30" s="736"/>
      <c r="CA30" s="736"/>
      <c r="CB30" s="737"/>
      <c r="CD30" s="729"/>
      <c r="CE30" s="730"/>
      <c r="CF30" s="698" t="s">
        <v>
317</v>
      </c>
      <c r="CG30" s="699"/>
      <c r="CH30" s="699"/>
      <c r="CI30" s="699"/>
      <c r="CJ30" s="699"/>
      <c r="CK30" s="699"/>
      <c r="CL30" s="699"/>
      <c r="CM30" s="699"/>
      <c r="CN30" s="699"/>
      <c r="CO30" s="699"/>
      <c r="CP30" s="699"/>
      <c r="CQ30" s="700"/>
      <c r="CR30" s="683">
        <v>
2128087</v>
      </c>
      <c r="CS30" s="684"/>
      <c r="CT30" s="684"/>
      <c r="CU30" s="684"/>
      <c r="CV30" s="684"/>
      <c r="CW30" s="684"/>
      <c r="CX30" s="684"/>
      <c r="CY30" s="685"/>
      <c r="CZ30" s="688">
        <v>
1.5</v>
      </c>
      <c r="DA30" s="717"/>
      <c r="DB30" s="717"/>
      <c r="DC30" s="721"/>
      <c r="DD30" s="692">
        <v>
2128087</v>
      </c>
      <c r="DE30" s="684"/>
      <c r="DF30" s="684"/>
      <c r="DG30" s="684"/>
      <c r="DH30" s="684"/>
      <c r="DI30" s="684"/>
      <c r="DJ30" s="684"/>
      <c r="DK30" s="685"/>
      <c r="DL30" s="692">
        <v>
2128087</v>
      </c>
      <c r="DM30" s="684"/>
      <c r="DN30" s="684"/>
      <c r="DO30" s="684"/>
      <c r="DP30" s="684"/>
      <c r="DQ30" s="684"/>
      <c r="DR30" s="684"/>
      <c r="DS30" s="684"/>
      <c r="DT30" s="684"/>
      <c r="DU30" s="684"/>
      <c r="DV30" s="685"/>
      <c r="DW30" s="688">
        <v>
2.2999999999999998</v>
      </c>
      <c r="DX30" s="717"/>
      <c r="DY30" s="717"/>
      <c r="DZ30" s="717"/>
      <c r="EA30" s="717"/>
      <c r="EB30" s="717"/>
      <c r="EC30" s="718"/>
    </row>
    <row r="31" spans="2:133" ht="11.25" customHeight="1" x14ac:dyDescent="0.2">
      <c r="B31" s="680" t="s">
        <v>
318</v>
      </c>
      <c r="C31" s="681"/>
      <c r="D31" s="681"/>
      <c r="E31" s="681"/>
      <c r="F31" s="681"/>
      <c r="G31" s="681"/>
      <c r="H31" s="681"/>
      <c r="I31" s="681"/>
      <c r="J31" s="681"/>
      <c r="K31" s="681"/>
      <c r="L31" s="681"/>
      <c r="M31" s="681"/>
      <c r="N31" s="681"/>
      <c r="O31" s="681"/>
      <c r="P31" s="681"/>
      <c r="Q31" s="682"/>
      <c r="R31" s="683">
        <v>
28962185</v>
      </c>
      <c r="S31" s="684"/>
      <c r="T31" s="684"/>
      <c r="U31" s="684"/>
      <c r="V31" s="684"/>
      <c r="W31" s="684"/>
      <c r="X31" s="684"/>
      <c r="Y31" s="685"/>
      <c r="Z31" s="686">
        <v>
19.3</v>
      </c>
      <c r="AA31" s="686"/>
      <c r="AB31" s="686"/>
      <c r="AC31" s="686"/>
      <c r="AD31" s="687" t="s">
        <v>
242</v>
      </c>
      <c r="AE31" s="687"/>
      <c r="AF31" s="687"/>
      <c r="AG31" s="687"/>
      <c r="AH31" s="687"/>
      <c r="AI31" s="687"/>
      <c r="AJ31" s="687"/>
      <c r="AK31" s="687"/>
      <c r="AL31" s="688" t="s">
        <v>
178</v>
      </c>
      <c r="AM31" s="689"/>
      <c r="AN31" s="689"/>
      <c r="AO31" s="690"/>
      <c r="AP31" s="740" t="s">
        <v>
319</v>
      </c>
      <c r="AQ31" s="741"/>
      <c r="AR31" s="741"/>
      <c r="AS31" s="741"/>
      <c r="AT31" s="746" t="s">
        <v>
320</v>
      </c>
      <c r="AU31" s="231"/>
      <c r="AV31" s="231"/>
      <c r="AW31" s="231"/>
      <c r="AX31" s="669" t="s">
        <v>
193</v>
      </c>
      <c r="AY31" s="670"/>
      <c r="AZ31" s="670"/>
      <c r="BA31" s="670"/>
      <c r="BB31" s="670"/>
      <c r="BC31" s="670"/>
      <c r="BD31" s="670"/>
      <c r="BE31" s="670"/>
      <c r="BF31" s="671"/>
      <c r="BG31" s="751">
        <v>
98.5</v>
      </c>
      <c r="BH31" s="738"/>
      <c r="BI31" s="738"/>
      <c r="BJ31" s="738"/>
      <c r="BK31" s="738"/>
      <c r="BL31" s="738"/>
      <c r="BM31" s="678">
        <v>
97</v>
      </c>
      <c r="BN31" s="738"/>
      <c r="BO31" s="738"/>
      <c r="BP31" s="738"/>
      <c r="BQ31" s="739"/>
      <c r="BR31" s="751">
        <v>
98.4</v>
      </c>
      <c r="BS31" s="738"/>
      <c r="BT31" s="738"/>
      <c r="BU31" s="738"/>
      <c r="BV31" s="738"/>
      <c r="BW31" s="738"/>
      <c r="BX31" s="678">
        <v>
97.1</v>
      </c>
      <c r="BY31" s="738"/>
      <c r="BZ31" s="738"/>
      <c r="CA31" s="738"/>
      <c r="CB31" s="739"/>
      <c r="CD31" s="729"/>
      <c r="CE31" s="730"/>
      <c r="CF31" s="698" t="s">
        <v>
321</v>
      </c>
      <c r="CG31" s="699"/>
      <c r="CH31" s="699"/>
      <c r="CI31" s="699"/>
      <c r="CJ31" s="699"/>
      <c r="CK31" s="699"/>
      <c r="CL31" s="699"/>
      <c r="CM31" s="699"/>
      <c r="CN31" s="699"/>
      <c r="CO31" s="699"/>
      <c r="CP31" s="699"/>
      <c r="CQ31" s="700"/>
      <c r="CR31" s="683">
        <v>
147144</v>
      </c>
      <c r="CS31" s="719"/>
      <c r="CT31" s="719"/>
      <c r="CU31" s="719"/>
      <c r="CV31" s="719"/>
      <c r="CW31" s="719"/>
      <c r="CX31" s="719"/>
      <c r="CY31" s="720"/>
      <c r="CZ31" s="688">
        <v>
0.1</v>
      </c>
      <c r="DA31" s="717"/>
      <c r="DB31" s="717"/>
      <c r="DC31" s="721"/>
      <c r="DD31" s="692">
        <v>
147144</v>
      </c>
      <c r="DE31" s="719"/>
      <c r="DF31" s="719"/>
      <c r="DG31" s="719"/>
      <c r="DH31" s="719"/>
      <c r="DI31" s="719"/>
      <c r="DJ31" s="719"/>
      <c r="DK31" s="720"/>
      <c r="DL31" s="692">
        <v>
147144</v>
      </c>
      <c r="DM31" s="719"/>
      <c r="DN31" s="719"/>
      <c r="DO31" s="719"/>
      <c r="DP31" s="719"/>
      <c r="DQ31" s="719"/>
      <c r="DR31" s="719"/>
      <c r="DS31" s="719"/>
      <c r="DT31" s="719"/>
      <c r="DU31" s="719"/>
      <c r="DV31" s="720"/>
      <c r="DW31" s="688">
        <v>
0.2</v>
      </c>
      <c r="DX31" s="717"/>
      <c r="DY31" s="717"/>
      <c r="DZ31" s="717"/>
      <c r="EA31" s="717"/>
      <c r="EB31" s="717"/>
      <c r="EC31" s="718"/>
    </row>
    <row r="32" spans="2:133" ht="11.25" customHeight="1" x14ac:dyDescent="0.2">
      <c r="B32" s="733" t="s">
        <v>
322</v>
      </c>
      <c r="C32" s="734"/>
      <c r="D32" s="734"/>
      <c r="E32" s="734"/>
      <c r="F32" s="734"/>
      <c r="G32" s="734"/>
      <c r="H32" s="734"/>
      <c r="I32" s="734"/>
      <c r="J32" s="734"/>
      <c r="K32" s="734"/>
      <c r="L32" s="734"/>
      <c r="M32" s="734"/>
      <c r="N32" s="734"/>
      <c r="O32" s="734"/>
      <c r="P32" s="734"/>
      <c r="Q32" s="735"/>
      <c r="R32" s="683">
        <v>
29467081</v>
      </c>
      <c r="S32" s="684"/>
      <c r="T32" s="684"/>
      <c r="U32" s="684"/>
      <c r="V32" s="684"/>
      <c r="W32" s="684"/>
      <c r="X32" s="684"/>
      <c r="Y32" s="685"/>
      <c r="Z32" s="686">
        <v>
19.7</v>
      </c>
      <c r="AA32" s="686"/>
      <c r="AB32" s="686"/>
      <c r="AC32" s="686"/>
      <c r="AD32" s="687">
        <v>
28351304</v>
      </c>
      <c r="AE32" s="687"/>
      <c r="AF32" s="687"/>
      <c r="AG32" s="687"/>
      <c r="AH32" s="687"/>
      <c r="AI32" s="687"/>
      <c r="AJ32" s="687"/>
      <c r="AK32" s="687"/>
      <c r="AL32" s="688">
        <v>
30.3</v>
      </c>
      <c r="AM32" s="689"/>
      <c r="AN32" s="689"/>
      <c r="AO32" s="690"/>
      <c r="AP32" s="742"/>
      <c r="AQ32" s="743"/>
      <c r="AR32" s="743"/>
      <c r="AS32" s="743"/>
      <c r="AT32" s="747"/>
      <c r="AU32" s="230" t="s">
        <v>
323</v>
      </c>
      <c r="AV32" s="230"/>
      <c r="AW32" s="230"/>
      <c r="AX32" s="680" t="s">
        <v>
324</v>
      </c>
      <c r="AY32" s="681"/>
      <c r="AZ32" s="681"/>
      <c r="BA32" s="681"/>
      <c r="BB32" s="681"/>
      <c r="BC32" s="681"/>
      <c r="BD32" s="681"/>
      <c r="BE32" s="681"/>
      <c r="BF32" s="682"/>
      <c r="BG32" s="752">
        <v>
98.4</v>
      </c>
      <c r="BH32" s="719"/>
      <c r="BI32" s="719"/>
      <c r="BJ32" s="719"/>
      <c r="BK32" s="719"/>
      <c r="BL32" s="719"/>
      <c r="BM32" s="689">
        <v>
96.7</v>
      </c>
      <c r="BN32" s="749"/>
      <c r="BO32" s="749"/>
      <c r="BP32" s="749"/>
      <c r="BQ32" s="750"/>
      <c r="BR32" s="752">
        <v>
98.2</v>
      </c>
      <c r="BS32" s="719"/>
      <c r="BT32" s="719"/>
      <c r="BU32" s="719"/>
      <c r="BV32" s="719"/>
      <c r="BW32" s="719"/>
      <c r="BX32" s="689">
        <v>
96.7</v>
      </c>
      <c r="BY32" s="749"/>
      <c r="BZ32" s="749"/>
      <c r="CA32" s="749"/>
      <c r="CB32" s="750"/>
      <c r="CD32" s="731"/>
      <c r="CE32" s="732"/>
      <c r="CF32" s="698" t="s">
        <v>
325</v>
      </c>
      <c r="CG32" s="699"/>
      <c r="CH32" s="699"/>
      <c r="CI32" s="699"/>
      <c r="CJ32" s="699"/>
      <c r="CK32" s="699"/>
      <c r="CL32" s="699"/>
      <c r="CM32" s="699"/>
      <c r="CN32" s="699"/>
      <c r="CO32" s="699"/>
      <c r="CP32" s="699"/>
      <c r="CQ32" s="700"/>
      <c r="CR32" s="683" t="s">
        <v>
178</v>
      </c>
      <c r="CS32" s="684"/>
      <c r="CT32" s="684"/>
      <c r="CU32" s="684"/>
      <c r="CV32" s="684"/>
      <c r="CW32" s="684"/>
      <c r="CX32" s="684"/>
      <c r="CY32" s="685"/>
      <c r="CZ32" s="688" t="s">
        <v>
178</v>
      </c>
      <c r="DA32" s="717"/>
      <c r="DB32" s="717"/>
      <c r="DC32" s="721"/>
      <c r="DD32" s="692" t="s">
        <v>
242</v>
      </c>
      <c r="DE32" s="684"/>
      <c r="DF32" s="684"/>
      <c r="DG32" s="684"/>
      <c r="DH32" s="684"/>
      <c r="DI32" s="684"/>
      <c r="DJ32" s="684"/>
      <c r="DK32" s="685"/>
      <c r="DL32" s="692" t="s">
        <v>
178</v>
      </c>
      <c r="DM32" s="684"/>
      <c r="DN32" s="684"/>
      <c r="DO32" s="684"/>
      <c r="DP32" s="684"/>
      <c r="DQ32" s="684"/>
      <c r="DR32" s="684"/>
      <c r="DS32" s="684"/>
      <c r="DT32" s="684"/>
      <c r="DU32" s="684"/>
      <c r="DV32" s="685"/>
      <c r="DW32" s="688" t="s">
        <v>
178</v>
      </c>
      <c r="DX32" s="717"/>
      <c r="DY32" s="717"/>
      <c r="DZ32" s="717"/>
      <c r="EA32" s="717"/>
      <c r="EB32" s="717"/>
      <c r="EC32" s="718"/>
    </row>
    <row r="33" spans="2:133" ht="11.25" customHeight="1" x14ac:dyDescent="0.2">
      <c r="B33" s="680" t="s">
        <v>
326</v>
      </c>
      <c r="C33" s="681"/>
      <c r="D33" s="681"/>
      <c r="E33" s="681"/>
      <c r="F33" s="681"/>
      <c r="G33" s="681"/>
      <c r="H33" s="681"/>
      <c r="I33" s="681"/>
      <c r="J33" s="681"/>
      <c r="K33" s="681"/>
      <c r="L33" s="681"/>
      <c r="M33" s="681"/>
      <c r="N33" s="681"/>
      <c r="O33" s="681"/>
      <c r="P33" s="681"/>
      <c r="Q33" s="682"/>
      <c r="R33" s="683">
        <v>
11671932</v>
      </c>
      <c r="S33" s="684"/>
      <c r="T33" s="684"/>
      <c r="U33" s="684"/>
      <c r="V33" s="684"/>
      <c r="W33" s="684"/>
      <c r="X33" s="684"/>
      <c r="Y33" s="685"/>
      <c r="Z33" s="686">
        <v>
7.8</v>
      </c>
      <c r="AA33" s="686"/>
      <c r="AB33" s="686"/>
      <c r="AC33" s="686"/>
      <c r="AD33" s="687" t="s">
        <v>
178</v>
      </c>
      <c r="AE33" s="687"/>
      <c r="AF33" s="687"/>
      <c r="AG33" s="687"/>
      <c r="AH33" s="687"/>
      <c r="AI33" s="687"/>
      <c r="AJ33" s="687"/>
      <c r="AK33" s="687"/>
      <c r="AL33" s="688" t="s">
        <v>
242</v>
      </c>
      <c r="AM33" s="689"/>
      <c r="AN33" s="689"/>
      <c r="AO33" s="690"/>
      <c r="AP33" s="744"/>
      <c r="AQ33" s="745"/>
      <c r="AR33" s="745"/>
      <c r="AS33" s="745"/>
      <c r="AT33" s="748"/>
      <c r="AU33" s="232"/>
      <c r="AV33" s="232"/>
      <c r="AW33" s="232"/>
      <c r="AX33" s="724" t="s">
        <v>
327</v>
      </c>
      <c r="AY33" s="725"/>
      <c r="AZ33" s="725"/>
      <c r="BA33" s="725"/>
      <c r="BB33" s="725"/>
      <c r="BC33" s="725"/>
      <c r="BD33" s="725"/>
      <c r="BE33" s="725"/>
      <c r="BF33" s="726"/>
      <c r="BG33" s="753" t="s">
        <v>
178</v>
      </c>
      <c r="BH33" s="754"/>
      <c r="BI33" s="754"/>
      <c r="BJ33" s="754"/>
      <c r="BK33" s="754"/>
      <c r="BL33" s="754"/>
      <c r="BM33" s="755" t="s">
        <v>
242</v>
      </c>
      <c r="BN33" s="754"/>
      <c r="BO33" s="754"/>
      <c r="BP33" s="754"/>
      <c r="BQ33" s="756"/>
      <c r="BR33" s="753" t="s">
        <v>
178</v>
      </c>
      <c r="BS33" s="754"/>
      <c r="BT33" s="754"/>
      <c r="BU33" s="754"/>
      <c r="BV33" s="754"/>
      <c r="BW33" s="754"/>
      <c r="BX33" s="755" t="s">
        <v>
178</v>
      </c>
      <c r="BY33" s="754"/>
      <c r="BZ33" s="754"/>
      <c r="CA33" s="754"/>
      <c r="CB33" s="756"/>
      <c r="CD33" s="698" t="s">
        <v>
328</v>
      </c>
      <c r="CE33" s="699"/>
      <c r="CF33" s="699"/>
      <c r="CG33" s="699"/>
      <c r="CH33" s="699"/>
      <c r="CI33" s="699"/>
      <c r="CJ33" s="699"/>
      <c r="CK33" s="699"/>
      <c r="CL33" s="699"/>
      <c r="CM33" s="699"/>
      <c r="CN33" s="699"/>
      <c r="CO33" s="699"/>
      <c r="CP33" s="699"/>
      <c r="CQ33" s="700"/>
      <c r="CR33" s="683">
        <v>
56866833</v>
      </c>
      <c r="CS33" s="719"/>
      <c r="CT33" s="719"/>
      <c r="CU33" s="719"/>
      <c r="CV33" s="719"/>
      <c r="CW33" s="719"/>
      <c r="CX33" s="719"/>
      <c r="CY33" s="720"/>
      <c r="CZ33" s="688">
        <v>
38.9</v>
      </c>
      <c r="DA33" s="717"/>
      <c r="DB33" s="717"/>
      <c r="DC33" s="721"/>
      <c r="DD33" s="692">
        <v>
46623780</v>
      </c>
      <c r="DE33" s="719"/>
      <c r="DF33" s="719"/>
      <c r="DG33" s="719"/>
      <c r="DH33" s="719"/>
      <c r="DI33" s="719"/>
      <c r="DJ33" s="719"/>
      <c r="DK33" s="720"/>
      <c r="DL33" s="692">
        <v>
32439037</v>
      </c>
      <c r="DM33" s="719"/>
      <c r="DN33" s="719"/>
      <c r="DO33" s="719"/>
      <c r="DP33" s="719"/>
      <c r="DQ33" s="719"/>
      <c r="DR33" s="719"/>
      <c r="DS33" s="719"/>
      <c r="DT33" s="719"/>
      <c r="DU33" s="719"/>
      <c r="DV33" s="720"/>
      <c r="DW33" s="688">
        <v>
34.700000000000003</v>
      </c>
      <c r="DX33" s="717"/>
      <c r="DY33" s="717"/>
      <c r="DZ33" s="717"/>
      <c r="EA33" s="717"/>
      <c r="EB33" s="717"/>
      <c r="EC33" s="718"/>
    </row>
    <row r="34" spans="2:133" ht="11.25" customHeight="1" x14ac:dyDescent="0.2">
      <c r="B34" s="680" t="s">
        <v>
329</v>
      </c>
      <c r="C34" s="681"/>
      <c r="D34" s="681"/>
      <c r="E34" s="681"/>
      <c r="F34" s="681"/>
      <c r="G34" s="681"/>
      <c r="H34" s="681"/>
      <c r="I34" s="681"/>
      <c r="J34" s="681"/>
      <c r="K34" s="681"/>
      <c r="L34" s="681"/>
      <c r="M34" s="681"/>
      <c r="N34" s="681"/>
      <c r="O34" s="681"/>
      <c r="P34" s="681"/>
      <c r="Q34" s="682"/>
      <c r="R34" s="683">
        <v>
1364274</v>
      </c>
      <c r="S34" s="684"/>
      <c r="T34" s="684"/>
      <c r="U34" s="684"/>
      <c r="V34" s="684"/>
      <c r="W34" s="684"/>
      <c r="X34" s="684"/>
      <c r="Y34" s="685"/>
      <c r="Z34" s="686">
        <v>
0.9</v>
      </c>
      <c r="AA34" s="686"/>
      <c r="AB34" s="686"/>
      <c r="AC34" s="686"/>
      <c r="AD34" s="687">
        <v>
7577</v>
      </c>
      <c r="AE34" s="687"/>
      <c r="AF34" s="687"/>
      <c r="AG34" s="687"/>
      <c r="AH34" s="687"/>
      <c r="AI34" s="687"/>
      <c r="AJ34" s="687"/>
      <c r="AK34" s="687"/>
      <c r="AL34" s="688">
        <v>
0</v>
      </c>
      <c r="AM34" s="689"/>
      <c r="AN34" s="689"/>
      <c r="AO34" s="690"/>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698" t="s">
        <v>
330</v>
      </c>
      <c r="CE34" s="699"/>
      <c r="CF34" s="699"/>
      <c r="CG34" s="699"/>
      <c r="CH34" s="699"/>
      <c r="CI34" s="699"/>
      <c r="CJ34" s="699"/>
      <c r="CK34" s="699"/>
      <c r="CL34" s="699"/>
      <c r="CM34" s="699"/>
      <c r="CN34" s="699"/>
      <c r="CO34" s="699"/>
      <c r="CP34" s="699"/>
      <c r="CQ34" s="700"/>
      <c r="CR34" s="683">
        <v>
29032479</v>
      </c>
      <c r="CS34" s="684"/>
      <c r="CT34" s="684"/>
      <c r="CU34" s="684"/>
      <c r="CV34" s="684"/>
      <c r="CW34" s="684"/>
      <c r="CX34" s="684"/>
      <c r="CY34" s="685"/>
      <c r="CZ34" s="688">
        <v>
19.899999999999999</v>
      </c>
      <c r="DA34" s="717"/>
      <c r="DB34" s="717"/>
      <c r="DC34" s="721"/>
      <c r="DD34" s="692">
        <v>
24554515</v>
      </c>
      <c r="DE34" s="684"/>
      <c r="DF34" s="684"/>
      <c r="DG34" s="684"/>
      <c r="DH34" s="684"/>
      <c r="DI34" s="684"/>
      <c r="DJ34" s="684"/>
      <c r="DK34" s="685"/>
      <c r="DL34" s="692">
        <v>
19632190</v>
      </c>
      <c r="DM34" s="684"/>
      <c r="DN34" s="684"/>
      <c r="DO34" s="684"/>
      <c r="DP34" s="684"/>
      <c r="DQ34" s="684"/>
      <c r="DR34" s="684"/>
      <c r="DS34" s="684"/>
      <c r="DT34" s="684"/>
      <c r="DU34" s="684"/>
      <c r="DV34" s="685"/>
      <c r="DW34" s="688">
        <v>
21</v>
      </c>
      <c r="DX34" s="717"/>
      <c r="DY34" s="717"/>
      <c r="DZ34" s="717"/>
      <c r="EA34" s="717"/>
      <c r="EB34" s="717"/>
      <c r="EC34" s="718"/>
    </row>
    <row r="35" spans="2:133" ht="11.25" customHeight="1" x14ac:dyDescent="0.2">
      <c r="B35" s="680" t="s">
        <v>
331</v>
      </c>
      <c r="C35" s="681"/>
      <c r="D35" s="681"/>
      <c r="E35" s="681"/>
      <c r="F35" s="681"/>
      <c r="G35" s="681"/>
      <c r="H35" s="681"/>
      <c r="I35" s="681"/>
      <c r="J35" s="681"/>
      <c r="K35" s="681"/>
      <c r="L35" s="681"/>
      <c r="M35" s="681"/>
      <c r="N35" s="681"/>
      <c r="O35" s="681"/>
      <c r="P35" s="681"/>
      <c r="Q35" s="682"/>
      <c r="R35" s="683">
        <v>
71118</v>
      </c>
      <c r="S35" s="684"/>
      <c r="T35" s="684"/>
      <c r="U35" s="684"/>
      <c r="V35" s="684"/>
      <c r="W35" s="684"/>
      <c r="X35" s="684"/>
      <c r="Y35" s="685"/>
      <c r="Z35" s="686">
        <v>
0</v>
      </c>
      <c r="AA35" s="686"/>
      <c r="AB35" s="686"/>
      <c r="AC35" s="686"/>
      <c r="AD35" s="687" t="s">
        <v>
178</v>
      </c>
      <c r="AE35" s="687"/>
      <c r="AF35" s="687"/>
      <c r="AG35" s="687"/>
      <c r="AH35" s="687"/>
      <c r="AI35" s="687"/>
      <c r="AJ35" s="687"/>
      <c r="AK35" s="687"/>
      <c r="AL35" s="688" t="s">
        <v>
178</v>
      </c>
      <c r="AM35" s="689"/>
      <c r="AN35" s="689"/>
      <c r="AO35" s="690"/>
      <c r="AP35" s="235"/>
      <c r="AQ35" s="662" t="s">
        <v>
332</v>
      </c>
      <c r="AR35" s="663"/>
      <c r="AS35" s="663"/>
      <c r="AT35" s="663"/>
      <c r="AU35" s="663"/>
      <c r="AV35" s="663"/>
      <c r="AW35" s="663"/>
      <c r="AX35" s="663"/>
      <c r="AY35" s="663"/>
      <c r="AZ35" s="663"/>
      <c r="BA35" s="663"/>
      <c r="BB35" s="663"/>
      <c r="BC35" s="663"/>
      <c r="BD35" s="663"/>
      <c r="BE35" s="663"/>
      <c r="BF35" s="664"/>
      <c r="BG35" s="662" t="s">
        <v>
333</v>
      </c>
      <c r="BH35" s="663"/>
      <c r="BI35" s="663"/>
      <c r="BJ35" s="663"/>
      <c r="BK35" s="663"/>
      <c r="BL35" s="663"/>
      <c r="BM35" s="663"/>
      <c r="BN35" s="663"/>
      <c r="BO35" s="663"/>
      <c r="BP35" s="663"/>
      <c r="BQ35" s="663"/>
      <c r="BR35" s="663"/>
      <c r="BS35" s="663"/>
      <c r="BT35" s="663"/>
      <c r="BU35" s="663"/>
      <c r="BV35" s="663"/>
      <c r="BW35" s="663"/>
      <c r="BX35" s="663"/>
      <c r="BY35" s="663"/>
      <c r="BZ35" s="663"/>
      <c r="CA35" s="663"/>
      <c r="CB35" s="664"/>
      <c r="CD35" s="698" t="s">
        <v>
334</v>
      </c>
      <c r="CE35" s="699"/>
      <c r="CF35" s="699"/>
      <c r="CG35" s="699"/>
      <c r="CH35" s="699"/>
      <c r="CI35" s="699"/>
      <c r="CJ35" s="699"/>
      <c r="CK35" s="699"/>
      <c r="CL35" s="699"/>
      <c r="CM35" s="699"/>
      <c r="CN35" s="699"/>
      <c r="CO35" s="699"/>
      <c r="CP35" s="699"/>
      <c r="CQ35" s="700"/>
      <c r="CR35" s="683">
        <v>
1254573</v>
      </c>
      <c r="CS35" s="719"/>
      <c r="CT35" s="719"/>
      <c r="CU35" s="719"/>
      <c r="CV35" s="719"/>
      <c r="CW35" s="719"/>
      <c r="CX35" s="719"/>
      <c r="CY35" s="720"/>
      <c r="CZ35" s="688">
        <v>
0.9</v>
      </c>
      <c r="DA35" s="717"/>
      <c r="DB35" s="717"/>
      <c r="DC35" s="721"/>
      <c r="DD35" s="692">
        <v>
1185259</v>
      </c>
      <c r="DE35" s="719"/>
      <c r="DF35" s="719"/>
      <c r="DG35" s="719"/>
      <c r="DH35" s="719"/>
      <c r="DI35" s="719"/>
      <c r="DJ35" s="719"/>
      <c r="DK35" s="720"/>
      <c r="DL35" s="692">
        <v>
1185259</v>
      </c>
      <c r="DM35" s="719"/>
      <c r="DN35" s="719"/>
      <c r="DO35" s="719"/>
      <c r="DP35" s="719"/>
      <c r="DQ35" s="719"/>
      <c r="DR35" s="719"/>
      <c r="DS35" s="719"/>
      <c r="DT35" s="719"/>
      <c r="DU35" s="719"/>
      <c r="DV35" s="720"/>
      <c r="DW35" s="688">
        <v>
1.3</v>
      </c>
      <c r="DX35" s="717"/>
      <c r="DY35" s="717"/>
      <c r="DZ35" s="717"/>
      <c r="EA35" s="717"/>
      <c r="EB35" s="717"/>
      <c r="EC35" s="718"/>
    </row>
    <row r="36" spans="2:133" ht="11.25" customHeight="1" x14ac:dyDescent="0.2">
      <c r="B36" s="680" t="s">
        <v>
335</v>
      </c>
      <c r="C36" s="681"/>
      <c r="D36" s="681"/>
      <c r="E36" s="681"/>
      <c r="F36" s="681"/>
      <c r="G36" s="681"/>
      <c r="H36" s="681"/>
      <c r="I36" s="681"/>
      <c r="J36" s="681"/>
      <c r="K36" s="681"/>
      <c r="L36" s="681"/>
      <c r="M36" s="681"/>
      <c r="N36" s="681"/>
      <c r="O36" s="681"/>
      <c r="P36" s="681"/>
      <c r="Q36" s="682"/>
      <c r="R36" s="683">
        <v>
65948</v>
      </c>
      <c r="S36" s="684"/>
      <c r="T36" s="684"/>
      <c r="U36" s="684"/>
      <c r="V36" s="684"/>
      <c r="W36" s="684"/>
      <c r="X36" s="684"/>
      <c r="Y36" s="685"/>
      <c r="Z36" s="686">
        <v>
0</v>
      </c>
      <c r="AA36" s="686"/>
      <c r="AB36" s="686"/>
      <c r="AC36" s="686"/>
      <c r="AD36" s="687" t="s">
        <v>
242</v>
      </c>
      <c r="AE36" s="687"/>
      <c r="AF36" s="687"/>
      <c r="AG36" s="687"/>
      <c r="AH36" s="687"/>
      <c r="AI36" s="687"/>
      <c r="AJ36" s="687"/>
      <c r="AK36" s="687"/>
      <c r="AL36" s="688" t="s">
        <v>
242</v>
      </c>
      <c r="AM36" s="689"/>
      <c r="AN36" s="689"/>
      <c r="AO36" s="690"/>
      <c r="AP36" s="235"/>
      <c r="AQ36" s="757" t="s">
        <v>
336</v>
      </c>
      <c r="AR36" s="758"/>
      <c r="AS36" s="758"/>
      <c r="AT36" s="758"/>
      <c r="AU36" s="758"/>
      <c r="AV36" s="758"/>
      <c r="AW36" s="758"/>
      <c r="AX36" s="758"/>
      <c r="AY36" s="759"/>
      <c r="AZ36" s="672">
        <v>
12398137</v>
      </c>
      <c r="BA36" s="673"/>
      <c r="BB36" s="673"/>
      <c r="BC36" s="673"/>
      <c r="BD36" s="673"/>
      <c r="BE36" s="673"/>
      <c r="BF36" s="760"/>
      <c r="BG36" s="694" t="s">
        <v>
337</v>
      </c>
      <c r="BH36" s="695"/>
      <c r="BI36" s="695"/>
      <c r="BJ36" s="695"/>
      <c r="BK36" s="695"/>
      <c r="BL36" s="695"/>
      <c r="BM36" s="695"/>
      <c r="BN36" s="695"/>
      <c r="BO36" s="695"/>
      <c r="BP36" s="695"/>
      <c r="BQ36" s="695"/>
      <c r="BR36" s="695"/>
      <c r="BS36" s="695"/>
      <c r="BT36" s="695"/>
      <c r="BU36" s="696"/>
      <c r="BV36" s="672">
        <v>
705051</v>
      </c>
      <c r="BW36" s="673"/>
      <c r="BX36" s="673"/>
      <c r="BY36" s="673"/>
      <c r="BZ36" s="673"/>
      <c r="CA36" s="673"/>
      <c r="CB36" s="760"/>
      <c r="CD36" s="698" t="s">
        <v>
338</v>
      </c>
      <c r="CE36" s="699"/>
      <c r="CF36" s="699"/>
      <c r="CG36" s="699"/>
      <c r="CH36" s="699"/>
      <c r="CI36" s="699"/>
      <c r="CJ36" s="699"/>
      <c r="CK36" s="699"/>
      <c r="CL36" s="699"/>
      <c r="CM36" s="699"/>
      <c r="CN36" s="699"/>
      <c r="CO36" s="699"/>
      <c r="CP36" s="699"/>
      <c r="CQ36" s="700"/>
      <c r="CR36" s="683">
        <v>
8393411</v>
      </c>
      <c r="CS36" s="684"/>
      <c r="CT36" s="684"/>
      <c r="CU36" s="684"/>
      <c r="CV36" s="684"/>
      <c r="CW36" s="684"/>
      <c r="CX36" s="684"/>
      <c r="CY36" s="685"/>
      <c r="CZ36" s="688">
        <v>
5.7</v>
      </c>
      <c r="DA36" s="717"/>
      <c r="DB36" s="717"/>
      <c r="DC36" s="721"/>
      <c r="DD36" s="692">
        <v>
6121603</v>
      </c>
      <c r="DE36" s="684"/>
      <c r="DF36" s="684"/>
      <c r="DG36" s="684"/>
      <c r="DH36" s="684"/>
      <c r="DI36" s="684"/>
      <c r="DJ36" s="684"/>
      <c r="DK36" s="685"/>
      <c r="DL36" s="692">
        <v>
3917379</v>
      </c>
      <c r="DM36" s="684"/>
      <c r="DN36" s="684"/>
      <c r="DO36" s="684"/>
      <c r="DP36" s="684"/>
      <c r="DQ36" s="684"/>
      <c r="DR36" s="684"/>
      <c r="DS36" s="684"/>
      <c r="DT36" s="684"/>
      <c r="DU36" s="684"/>
      <c r="DV36" s="685"/>
      <c r="DW36" s="688">
        <v>
4.2</v>
      </c>
      <c r="DX36" s="717"/>
      <c r="DY36" s="717"/>
      <c r="DZ36" s="717"/>
      <c r="EA36" s="717"/>
      <c r="EB36" s="717"/>
      <c r="EC36" s="718"/>
    </row>
    <row r="37" spans="2:133" ht="11.25" customHeight="1" x14ac:dyDescent="0.2">
      <c r="B37" s="680" t="s">
        <v>
339</v>
      </c>
      <c r="C37" s="681"/>
      <c r="D37" s="681"/>
      <c r="E37" s="681"/>
      <c r="F37" s="681"/>
      <c r="G37" s="681"/>
      <c r="H37" s="681"/>
      <c r="I37" s="681"/>
      <c r="J37" s="681"/>
      <c r="K37" s="681"/>
      <c r="L37" s="681"/>
      <c r="M37" s="681"/>
      <c r="N37" s="681"/>
      <c r="O37" s="681"/>
      <c r="P37" s="681"/>
      <c r="Q37" s="682"/>
      <c r="R37" s="683">
        <v>
4580179</v>
      </c>
      <c r="S37" s="684"/>
      <c r="T37" s="684"/>
      <c r="U37" s="684"/>
      <c r="V37" s="684"/>
      <c r="W37" s="684"/>
      <c r="X37" s="684"/>
      <c r="Y37" s="685"/>
      <c r="Z37" s="686">
        <v>
3.1</v>
      </c>
      <c r="AA37" s="686"/>
      <c r="AB37" s="686"/>
      <c r="AC37" s="686"/>
      <c r="AD37" s="687" t="s">
        <v>
178</v>
      </c>
      <c r="AE37" s="687"/>
      <c r="AF37" s="687"/>
      <c r="AG37" s="687"/>
      <c r="AH37" s="687"/>
      <c r="AI37" s="687"/>
      <c r="AJ37" s="687"/>
      <c r="AK37" s="687"/>
      <c r="AL37" s="688" t="s">
        <v>
242</v>
      </c>
      <c r="AM37" s="689"/>
      <c r="AN37" s="689"/>
      <c r="AO37" s="690"/>
      <c r="AQ37" s="761" t="s">
        <v>
340</v>
      </c>
      <c r="AR37" s="762"/>
      <c r="AS37" s="762"/>
      <c r="AT37" s="762"/>
      <c r="AU37" s="762"/>
      <c r="AV37" s="762"/>
      <c r="AW37" s="762"/>
      <c r="AX37" s="762"/>
      <c r="AY37" s="763"/>
      <c r="AZ37" s="683">
        <v>
46279</v>
      </c>
      <c r="BA37" s="684"/>
      <c r="BB37" s="684"/>
      <c r="BC37" s="684"/>
      <c r="BD37" s="719"/>
      <c r="BE37" s="719"/>
      <c r="BF37" s="750"/>
      <c r="BG37" s="698" t="s">
        <v>
341</v>
      </c>
      <c r="BH37" s="699"/>
      <c r="BI37" s="699"/>
      <c r="BJ37" s="699"/>
      <c r="BK37" s="699"/>
      <c r="BL37" s="699"/>
      <c r="BM37" s="699"/>
      <c r="BN37" s="699"/>
      <c r="BO37" s="699"/>
      <c r="BP37" s="699"/>
      <c r="BQ37" s="699"/>
      <c r="BR37" s="699"/>
      <c r="BS37" s="699"/>
      <c r="BT37" s="699"/>
      <c r="BU37" s="700"/>
      <c r="BV37" s="683">
        <v>
705051</v>
      </c>
      <c r="BW37" s="684"/>
      <c r="BX37" s="684"/>
      <c r="BY37" s="684"/>
      <c r="BZ37" s="684"/>
      <c r="CA37" s="684"/>
      <c r="CB37" s="693"/>
      <c r="CD37" s="698" t="s">
        <v>
342</v>
      </c>
      <c r="CE37" s="699"/>
      <c r="CF37" s="699"/>
      <c r="CG37" s="699"/>
      <c r="CH37" s="699"/>
      <c r="CI37" s="699"/>
      <c r="CJ37" s="699"/>
      <c r="CK37" s="699"/>
      <c r="CL37" s="699"/>
      <c r="CM37" s="699"/>
      <c r="CN37" s="699"/>
      <c r="CO37" s="699"/>
      <c r="CP37" s="699"/>
      <c r="CQ37" s="700"/>
      <c r="CR37" s="683">
        <v>
1703531</v>
      </c>
      <c r="CS37" s="719"/>
      <c r="CT37" s="719"/>
      <c r="CU37" s="719"/>
      <c r="CV37" s="719"/>
      <c r="CW37" s="719"/>
      <c r="CX37" s="719"/>
      <c r="CY37" s="720"/>
      <c r="CZ37" s="688">
        <v>
1.2</v>
      </c>
      <c r="DA37" s="717"/>
      <c r="DB37" s="717"/>
      <c r="DC37" s="721"/>
      <c r="DD37" s="692">
        <v>
1703531</v>
      </c>
      <c r="DE37" s="719"/>
      <c r="DF37" s="719"/>
      <c r="DG37" s="719"/>
      <c r="DH37" s="719"/>
      <c r="DI37" s="719"/>
      <c r="DJ37" s="719"/>
      <c r="DK37" s="720"/>
      <c r="DL37" s="692">
        <v>
1211600</v>
      </c>
      <c r="DM37" s="719"/>
      <c r="DN37" s="719"/>
      <c r="DO37" s="719"/>
      <c r="DP37" s="719"/>
      <c r="DQ37" s="719"/>
      <c r="DR37" s="719"/>
      <c r="DS37" s="719"/>
      <c r="DT37" s="719"/>
      <c r="DU37" s="719"/>
      <c r="DV37" s="720"/>
      <c r="DW37" s="688">
        <v>
1.3</v>
      </c>
      <c r="DX37" s="717"/>
      <c r="DY37" s="717"/>
      <c r="DZ37" s="717"/>
      <c r="EA37" s="717"/>
      <c r="EB37" s="717"/>
      <c r="EC37" s="718"/>
    </row>
    <row r="38" spans="2:133" ht="11.25" customHeight="1" x14ac:dyDescent="0.2">
      <c r="B38" s="680" t="s">
        <v>
343</v>
      </c>
      <c r="C38" s="681"/>
      <c r="D38" s="681"/>
      <c r="E38" s="681"/>
      <c r="F38" s="681"/>
      <c r="G38" s="681"/>
      <c r="H38" s="681"/>
      <c r="I38" s="681"/>
      <c r="J38" s="681"/>
      <c r="K38" s="681"/>
      <c r="L38" s="681"/>
      <c r="M38" s="681"/>
      <c r="N38" s="681"/>
      <c r="O38" s="681"/>
      <c r="P38" s="681"/>
      <c r="Q38" s="682"/>
      <c r="R38" s="683">
        <v>
3040637</v>
      </c>
      <c r="S38" s="684"/>
      <c r="T38" s="684"/>
      <c r="U38" s="684"/>
      <c r="V38" s="684"/>
      <c r="W38" s="684"/>
      <c r="X38" s="684"/>
      <c r="Y38" s="685"/>
      <c r="Z38" s="686">
        <v>
2</v>
      </c>
      <c r="AA38" s="686"/>
      <c r="AB38" s="686"/>
      <c r="AC38" s="686"/>
      <c r="AD38" s="687">
        <v>
120</v>
      </c>
      <c r="AE38" s="687"/>
      <c r="AF38" s="687"/>
      <c r="AG38" s="687"/>
      <c r="AH38" s="687"/>
      <c r="AI38" s="687"/>
      <c r="AJ38" s="687"/>
      <c r="AK38" s="687"/>
      <c r="AL38" s="688">
        <v>
0</v>
      </c>
      <c r="AM38" s="689"/>
      <c r="AN38" s="689"/>
      <c r="AO38" s="690"/>
      <c r="AQ38" s="761" t="s">
        <v>
344</v>
      </c>
      <c r="AR38" s="762"/>
      <c r="AS38" s="762"/>
      <c r="AT38" s="762"/>
      <c r="AU38" s="762"/>
      <c r="AV38" s="762"/>
      <c r="AW38" s="762"/>
      <c r="AX38" s="762"/>
      <c r="AY38" s="763"/>
      <c r="AZ38" s="683" t="s">
        <v>
242</v>
      </c>
      <c r="BA38" s="684"/>
      <c r="BB38" s="684"/>
      <c r="BC38" s="684"/>
      <c r="BD38" s="719"/>
      <c r="BE38" s="719"/>
      <c r="BF38" s="750"/>
      <c r="BG38" s="698" t="s">
        <v>
345</v>
      </c>
      <c r="BH38" s="699"/>
      <c r="BI38" s="699"/>
      <c r="BJ38" s="699"/>
      <c r="BK38" s="699"/>
      <c r="BL38" s="699"/>
      <c r="BM38" s="699"/>
      <c r="BN38" s="699"/>
      <c r="BO38" s="699"/>
      <c r="BP38" s="699"/>
      <c r="BQ38" s="699"/>
      <c r="BR38" s="699"/>
      <c r="BS38" s="699"/>
      <c r="BT38" s="699"/>
      <c r="BU38" s="700"/>
      <c r="BV38" s="683">
        <v>
72578</v>
      </c>
      <c r="BW38" s="684"/>
      <c r="BX38" s="684"/>
      <c r="BY38" s="684"/>
      <c r="BZ38" s="684"/>
      <c r="CA38" s="684"/>
      <c r="CB38" s="693"/>
      <c r="CD38" s="698" t="s">
        <v>
346</v>
      </c>
      <c r="CE38" s="699"/>
      <c r="CF38" s="699"/>
      <c r="CG38" s="699"/>
      <c r="CH38" s="699"/>
      <c r="CI38" s="699"/>
      <c r="CJ38" s="699"/>
      <c r="CK38" s="699"/>
      <c r="CL38" s="699"/>
      <c r="CM38" s="699"/>
      <c r="CN38" s="699"/>
      <c r="CO38" s="699"/>
      <c r="CP38" s="699"/>
      <c r="CQ38" s="700"/>
      <c r="CR38" s="683">
        <v>
12398137</v>
      </c>
      <c r="CS38" s="684"/>
      <c r="CT38" s="684"/>
      <c r="CU38" s="684"/>
      <c r="CV38" s="684"/>
      <c r="CW38" s="684"/>
      <c r="CX38" s="684"/>
      <c r="CY38" s="685"/>
      <c r="CZ38" s="688">
        <v>
8.5</v>
      </c>
      <c r="DA38" s="717"/>
      <c r="DB38" s="717"/>
      <c r="DC38" s="721"/>
      <c r="DD38" s="692">
        <v>
10184435</v>
      </c>
      <c r="DE38" s="684"/>
      <c r="DF38" s="684"/>
      <c r="DG38" s="684"/>
      <c r="DH38" s="684"/>
      <c r="DI38" s="684"/>
      <c r="DJ38" s="684"/>
      <c r="DK38" s="685"/>
      <c r="DL38" s="692">
        <v>
7704209</v>
      </c>
      <c r="DM38" s="684"/>
      <c r="DN38" s="684"/>
      <c r="DO38" s="684"/>
      <c r="DP38" s="684"/>
      <c r="DQ38" s="684"/>
      <c r="DR38" s="684"/>
      <c r="DS38" s="684"/>
      <c r="DT38" s="684"/>
      <c r="DU38" s="684"/>
      <c r="DV38" s="685"/>
      <c r="DW38" s="688">
        <v>
8.1999999999999993</v>
      </c>
      <c r="DX38" s="717"/>
      <c r="DY38" s="717"/>
      <c r="DZ38" s="717"/>
      <c r="EA38" s="717"/>
      <c r="EB38" s="717"/>
      <c r="EC38" s="718"/>
    </row>
    <row r="39" spans="2:133" ht="11.25" customHeight="1" x14ac:dyDescent="0.2">
      <c r="B39" s="680" t="s">
        <v>
347</v>
      </c>
      <c r="C39" s="681"/>
      <c r="D39" s="681"/>
      <c r="E39" s="681"/>
      <c r="F39" s="681"/>
      <c r="G39" s="681"/>
      <c r="H39" s="681"/>
      <c r="I39" s="681"/>
      <c r="J39" s="681"/>
      <c r="K39" s="681"/>
      <c r="L39" s="681"/>
      <c r="M39" s="681"/>
      <c r="N39" s="681"/>
      <c r="O39" s="681"/>
      <c r="P39" s="681"/>
      <c r="Q39" s="682"/>
      <c r="R39" s="683">
        <v>
819000</v>
      </c>
      <c r="S39" s="684"/>
      <c r="T39" s="684"/>
      <c r="U39" s="684"/>
      <c r="V39" s="684"/>
      <c r="W39" s="684"/>
      <c r="X39" s="684"/>
      <c r="Y39" s="685"/>
      <c r="Z39" s="686">
        <v>
0.5</v>
      </c>
      <c r="AA39" s="686"/>
      <c r="AB39" s="686"/>
      <c r="AC39" s="686"/>
      <c r="AD39" s="687" t="s">
        <v>
178</v>
      </c>
      <c r="AE39" s="687"/>
      <c r="AF39" s="687"/>
      <c r="AG39" s="687"/>
      <c r="AH39" s="687"/>
      <c r="AI39" s="687"/>
      <c r="AJ39" s="687"/>
      <c r="AK39" s="687"/>
      <c r="AL39" s="688" t="s">
        <v>
178</v>
      </c>
      <c r="AM39" s="689"/>
      <c r="AN39" s="689"/>
      <c r="AO39" s="690"/>
      <c r="AQ39" s="761" t="s">
        <v>
348</v>
      </c>
      <c r="AR39" s="762"/>
      <c r="AS39" s="762"/>
      <c r="AT39" s="762"/>
      <c r="AU39" s="762"/>
      <c r="AV39" s="762"/>
      <c r="AW39" s="762"/>
      <c r="AX39" s="762"/>
      <c r="AY39" s="763"/>
      <c r="AZ39" s="683" t="s">
        <v>
242</v>
      </c>
      <c r="BA39" s="684"/>
      <c r="BB39" s="684"/>
      <c r="BC39" s="684"/>
      <c r="BD39" s="719"/>
      <c r="BE39" s="719"/>
      <c r="BF39" s="750"/>
      <c r="BG39" s="698" t="s">
        <v>
349</v>
      </c>
      <c r="BH39" s="699"/>
      <c r="BI39" s="699"/>
      <c r="BJ39" s="699"/>
      <c r="BK39" s="699"/>
      <c r="BL39" s="699"/>
      <c r="BM39" s="699"/>
      <c r="BN39" s="699"/>
      <c r="BO39" s="699"/>
      <c r="BP39" s="699"/>
      <c r="BQ39" s="699"/>
      <c r="BR39" s="699"/>
      <c r="BS39" s="699"/>
      <c r="BT39" s="699"/>
      <c r="BU39" s="700"/>
      <c r="BV39" s="683">
        <v>
91097</v>
      </c>
      <c r="BW39" s="684"/>
      <c r="BX39" s="684"/>
      <c r="BY39" s="684"/>
      <c r="BZ39" s="684"/>
      <c r="CA39" s="684"/>
      <c r="CB39" s="693"/>
      <c r="CD39" s="698" t="s">
        <v>
350</v>
      </c>
      <c r="CE39" s="699"/>
      <c r="CF39" s="699"/>
      <c r="CG39" s="699"/>
      <c r="CH39" s="699"/>
      <c r="CI39" s="699"/>
      <c r="CJ39" s="699"/>
      <c r="CK39" s="699"/>
      <c r="CL39" s="699"/>
      <c r="CM39" s="699"/>
      <c r="CN39" s="699"/>
      <c r="CO39" s="699"/>
      <c r="CP39" s="699"/>
      <c r="CQ39" s="700"/>
      <c r="CR39" s="683">
        <v>
4636161</v>
      </c>
      <c r="CS39" s="719"/>
      <c r="CT39" s="719"/>
      <c r="CU39" s="719"/>
      <c r="CV39" s="719"/>
      <c r="CW39" s="719"/>
      <c r="CX39" s="719"/>
      <c r="CY39" s="720"/>
      <c r="CZ39" s="688">
        <v>
3.2</v>
      </c>
      <c r="DA39" s="717"/>
      <c r="DB39" s="717"/>
      <c r="DC39" s="721"/>
      <c r="DD39" s="692">
        <v>
4577968</v>
      </c>
      <c r="DE39" s="719"/>
      <c r="DF39" s="719"/>
      <c r="DG39" s="719"/>
      <c r="DH39" s="719"/>
      <c r="DI39" s="719"/>
      <c r="DJ39" s="719"/>
      <c r="DK39" s="720"/>
      <c r="DL39" s="692" t="s">
        <v>
242</v>
      </c>
      <c r="DM39" s="719"/>
      <c r="DN39" s="719"/>
      <c r="DO39" s="719"/>
      <c r="DP39" s="719"/>
      <c r="DQ39" s="719"/>
      <c r="DR39" s="719"/>
      <c r="DS39" s="719"/>
      <c r="DT39" s="719"/>
      <c r="DU39" s="719"/>
      <c r="DV39" s="720"/>
      <c r="DW39" s="688" t="s">
        <v>
242</v>
      </c>
      <c r="DX39" s="717"/>
      <c r="DY39" s="717"/>
      <c r="DZ39" s="717"/>
      <c r="EA39" s="717"/>
      <c r="EB39" s="717"/>
      <c r="EC39" s="718"/>
    </row>
    <row r="40" spans="2:133" ht="11.25" customHeight="1" x14ac:dyDescent="0.2">
      <c r="B40" s="680" t="s">
        <v>
351</v>
      </c>
      <c r="C40" s="681"/>
      <c r="D40" s="681"/>
      <c r="E40" s="681"/>
      <c r="F40" s="681"/>
      <c r="G40" s="681"/>
      <c r="H40" s="681"/>
      <c r="I40" s="681"/>
      <c r="J40" s="681"/>
      <c r="K40" s="681"/>
      <c r="L40" s="681"/>
      <c r="M40" s="681"/>
      <c r="N40" s="681"/>
      <c r="O40" s="681"/>
      <c r="P40" s="681"/>
      <c r="Q40" s="682"/>
      <c r="R40" s="683" t="s">
        <v>
242</v>
      </c>
      <c r="S40" s="684"/>
      <c r="T40" s="684"/>
      <c r="U40" s="684"/>
      <c r="V40" s="684"/>
      <c r="W40" s="684"/>
      <c r="X40" s="684"/>
      <c r="Y40" s="685"/>
      <c r="Z40" s="686" t="s">
        <v>
178</v>
      </c>
      <c r="AA40" s="686"/>
      <c r="AB40" s="686"/>
      <c r="AC40" s="686"/>
      <c r="AD40" s="687" t="s">
        <v>
178</v>
      </c>
      <c r="AE40" s="687"/>
      <c r="AF40" s="687"/>
      <c r="AG40" s="687"/>
      <c r="AH40" s="687"/>
      <c r="AI40" s="687"/>
      <c r="AJ40" s="687"/>
      <c r="AK40" s="687"/>
      <c r="AL40" s="688" t="s">
        <v>
242</v>
      </c>
      <c r="AM40" s="689"/>
      <c r="AN40" s="689"/>
      <c r="AO40" s="690"/>
      <c r="AQ40" s="761" t="s">
        <v>
352</v>
      </c>
      <c r="AR40" s="762"/>
      <c r="AS40" s="762"/>
      <c r="AT40" s="762"/>
      <c r="AU40" s="762"/>
      <c r="AV40" s="762"/>
      <c r="AW40" s="762"/>
      <c r="AX40" s="762"/>
      <c r="AY40" s="763"/>
      <c r="AZ40" s="683" t="s">
        <v>
242</v>
      </c>
      <c r="BA40" s="684"/>
      <c r="BB40" s="684"/>
      <c r="BC40" s="684"/>
      <c r="BD40" s="719"/>
      <c r="BE40" s="719"/>
      <c r="BF40" s="750"/>
      <c r="BG40" s="764" t="s">
        <v>
353</v>
      </c>
      <c r="BH40" s="765"/>
      <c r="BI40" s="765"/>
      <c r="BJ40" s="765"/>
      <c r="BK40" s="765"/>
      <c r="BL40" s="236"/>
      <c r="BM40" s="699" t="s">
        <v>
354</v>
      </c>
      <c r="BN40" s="699"/>
      <c r="BO40" s="699"/>
      <c r="BP40" s="699"/>
      <c r="BQ40" s="699"/>
      <c r="BR40" s="699"/>
      <c r="BS40" s="699"/>
      <c r="BT40" s="699"/>
      <c r="BU40" s="700"/>
      <c r="BV40" s="683">
        <v>
107</v>
      </c>
      <c r="BW40" s="684"/>
      <c r="BX40" s="684"/>
      <c r="BY40" s="684"/>
      <c r="BZ40" s="684"/>
      <c r="CA40" s="684"/>
      <c r="CB40" s="693"/>
      <c r="CD40" s="698" t="s">
        <v>
355</v>
      </c>
      <c r="CE40" s="699"/>
      <c r="CF40" s="699"/>
      <c r="CG40" s="699"/>
      <c r="CH40" s="699"/>
      <c r="CI40" s="699"/>
      <c r="CJ40" s="699"/>
      <c r="CK40" s="699"/>
      <c r="CL40" s="699"/>
      <c r="CM40" s="699"/>
      <c r="CN40" s="699"/>
      <c r="CO40" s="699"/>
      <c r="CP40" s="699"/>
      <c r="CQ40" s="700"/>
      <c r="CR40" s="683">
        <v>
1152072</v>
      </c>
      <c r="CS40" s="684"/>
      <c r="CT40" s="684"/>
      <c r="CU40" s="684"/>
      <c r="CV40" s="684"/>
      <c r="CW40" s="684"/>
      <c r="CX40" s="684"/>
      <c r="CY40" s="685"/>
      <c r="CZ40" s="688">
        <v>
0.8</v>
      </c>
      <c r="DA40" s="717"/>
      <c r="DB40" s="717"/>
      <c r="DC40" s="721"/>
      <c r="DD40" s="692" t="s">
        <v>
242</v>
      </c>
      <c r="DE40" s="684"/>
      <c r="DF40" s="684"/>
      <c r="DG40" s="684"/>
      <c r="DH40" s="684"/>
      <c r="DI40" s="684"/>
      <c r="DJ40" s="684"/>
      <c r="DK40" s="685"/>
      <c r="DL40" s="692" t="s">
        <v>
178</v>
      </c>
      <c r="DM40" s="684"/>
      <c r="DN40" s="684"/>
      <c r="DO40" s="684"/>
      <c r="DP40" s="684"/>
      <c r="DQ40" s="684"/>
      <c r="DR40" s="684"/>
      <c r="DS40" s="684"/>
      <c r="DT40" s="684"/>
      <c r="DU40" s="684"/>
      <c r="DV40" s="685"/>
      <c r="DW40" s="688" t="s">
        <v>
178</v>
      </c>
      <c r="DX40" s="717"/>
      <c r="DY40" s="717"/>
      <c r="DZ40" s="717"/>
      <c r="EA40" s="717"/>
      <c r="EB40" s="717"/>
      <c r="EC40" s="718"/>
    </row>
    <row r="41" spans="2:133" ht="11.25" customHeight="1" x14ac:dyDescent="0.2">
      <c r="B41" s="680" t="s">
        <v>
356</v>
      </c>
      <c r="C41" s="681"/>
      <c r="D41" s="681"/>
      <c r="E41" s="681"/>
      <c r="F41" s="681"/>
      <c r="G41" s="681"/>
      <c r="H41" s="681"/>
      <c r="I41" s="681"/>
      <c r="J41" s="681"/>
      <c r="K41" s="681"/>
      <c r="L41" s="681"/>
      <c r="M41" s="681"/>
      <c r="N41" s="681"/>
      <c r="O41" s="681"/>
      <c r="P41" s="681"/>
      <c r="Q41" s="682"/>
      <c r="R41" s="683" t="s">
        <v>
178</v>
      </c>
      <c r="S41" s="684"/>
      <c r="T41" s="684"/>
      <c r="U41" s="684"/>
      <c r="V41" s="684"/>
      <c r="W41" s="684"/>
      <c r="X41" s="684"/>
      <c r="Y41" s="685"/>
      <c r="Z41" s="686" t="s">
        <v>
178</v>
      </c>
      <c r="AA41" s="686"/>
      <c r="AB41" s="686"/>
      <c r="AC41" s="686"/>
      <c r="AD41" s="687" t="s">
        <v>
178</v>
      </c>
      <c r="AE41" s="687"/>
      <c r="AF41" s="687"/>
      <c r="AG41" s="687"/>
      <c r="AH41" s="687"/>
      <c r="AI41" s="687"/>
      <c r="AJ41" s="687"/>
      <c r="AK41" s="687"/>
      <c r="AL41" s="688" t="s">
        <v>
242</v>
      </c>
      <c r="AM41" s="689"/>
      <c r="AN41" s="689"/>
      <c r="AO41" s="690"/>
      <c r="AQ41" s="761" t="s">
        <v>
357</v>
      </c>
      <c r="AR41" s="762"/>
      <c r="AS41" s="762"/>
      <c r="AT41" s="762"/>
      <c r="AU41" s="762"/>
      <c r="AV41" s="762"/>
      <c r="AW41" s="762"/>
      <c r="AX41" s="762"/>
      <c r="AY41" s="763"/>
      <c r="AZ41" s="683">
        <v>
5365193</v>
      </c>
      <c r="BA41" s="684"/>
      <c r="BB41" s="684"/>
      <c r="BC41" s="684"/>
      <c r="BD41" s="719"/>
      <c r="BE41" s="719"/>
      <c r="BF41" s="750"/>
      <c r="BG41" s="764"/>
      <c r="BH41" s="765"/>
      <c r="BI41" s="765"/>
      <c r="BJ41" s="765"/>
      <c r="BK41" s="765"/>
      <c r="BL41" s="236"/>
      <c r="BM41" s="699" t="s">
        <v>
358</v>
      </c>
      <c r="BN41" s="699"/>
      <c r="BO41" s="699"/>
      <c r="BP41" s="699"/>
      <c r="BQ41" s="699"/>
      <c r="BR41" s="699"/>
      <c r="BS41" s="699"/>
      <c r="BT41" s="699"/>
      <c r="BU41" s="700"/>
      <c r="BV41" s="683" t="s">
        <v>
242</v>
      </c>
      <c r="BW41" s="684"/>
      <c r="BX41" s="684"/>
      <c r="BY41" s="684"/>
      <c r="BZ41" s="684"/>
      <c r="CA41" s="684"/>
      <c r="CB41" s="693"/>
      <c r="CD41" s="698" t="s">
        <v>
359</v>
      </c>
      <c r="CE41" s="699"/>
      <c r="CF41" s="699"/>
      <c r="CG41" s="699"/>
      <c r="CH41" s="699"/>
      <c r="CI41" s="699"/>
      <c r="CJ41" s="699"/>
      <c r="CK41" s="699"/>
      <c r="CL41" s="699"/>
      <c r="CM41" s="699"/>
      <c r="CN41" s="699"/>
      <c r="CO41" s="699"/>
      <c r="CP41" s="699"/>
      <c r="CQ41" s="700"/>
      <c r="CR41" s="683" t="s">
        <v>
178</v>
      </c>
      <c r="CS41" s="719"/>
      <c r="CT41" s="719"/>
      <c r="CU41" s="719"/>
      <c r="CV41" s="719"/>
      <c r="CW41" s="719"/>
      <c r="CX41" s="719"/>
      <c r="CY41" s="720"/>
      <c r="CZ41" s="688" t="s">
        <v>
178</v>
      </c>
      <c r="DA41" s="717"/>
      <c r="DB41" s="717"/>
      <c r="DC41" s="721"/>
      <c r="DD41" s="692" t="s">
        <v>
178</v>
      </c>
      <c r="DE41" s="719"/>
      <c r="DF41" s="719"/>
      <c r="DG41" s="719"/>
      <c r="DH41" s="719"/>
      <c r="DI41" s="719"/>
      <c r="DJ41" s="719"/>
      <c r="DK41" s="720"/>
      <c r="DL41" s="770"/>
      <c r="DM41" s="771"/>
      <c r="DN41" s="771"/>
      <c r="DO41" s="771"/>
      <c r="DP41" s="771"/>
      <c r="DQ41" s="771"/>
      <c r="DR41" s="771"/>
      <c r="DS41" s="771"/>
      <c r="DT41" s="771"/>
      <c r="DU41" s="771"/>
      <c r="DV41" s="772"/>
      <c r="DW41" s="773"/>
      <c r="DX41" s="774"/>
      <c r="DY41" s="774"/>
      <c r="DZ41" s="774"/>
      <c r="EA41" s="774"/>
      <c r="EB41" s="774"/>
      <c r="EC41" s="775"/>
    </row>
    <row r="42" spans="2:133" ht="11.25" customHeight="1" x14ac:dyDescent="0.2">
      <c r="B42" s="724" t="s">
        <v>
360</v>
      </c>
      <c r="C42" s="725"/>
      <c r="D42" s="725"/>
      <c r="E42" s="725"/>
      <c r="F42" s="725"/>
      <c r="G42" s="725"/>
      <c r="H42" s="725"/>
      <c r="I42" s="725"/>
      <c r="J42" s="725"/>
      <c r="K42" s="725"/>
      <c r="L42" s="725"/>
      <c r="M42" s="725"/>
      <c r="N42" s="725"/>
      <c r="O42" s="725"/>
      <c r="P42" s="725"/>
      <c r="Q42" s="726"/>
      <c r="R42" s="768">
        <v>
149717407</v>
      </c>
      <c r="S42" s="769"/>
      <c r="T42" s="769"/>
      <c r="U42" s="769"/>
      <c r="V42" s="769"/>
      <c r="W42" s="769"/>
      <c r="X42" s="769"/>
      <c r="Y42" s="777"/>
      <c r="Z42" s="778">
        <v>
100</v>
      </c>
      <c r="AA42" s="778"/>
      <c r="AB42" s="778"/>
      <c r="AC42" s="778"/>
      <c r="AD42" s="779">
        <v>
93604065</v>
      </c>
      <c r="AE42" s="779"/>
      <c r="AF42" s="779"/>
      <c r="AG42" s="779"/>
      <c r="AH42" s="779"/>
      <c r="AI42" s="779"/>
      <c r="AJ42" s="779"/>
      <c r="AK42" s="779"/>
      <c r="AL42" s="780">
        <v>
100</v>
      </c>
      <c r="AM42" s="755"/>
      <c r="AN42" s="755"/>
      <c r="AO42" s="781"/>
      <c r="AQ42" s="782" t="s">
        <v>
361</v>
      </c>
      <c r="AR42" s="783"/>
      <c r="AS42" s="783"/>
      <c r="AT42" s="783"/>
      <c r="AU42" s="783"/>
      <c r="AV42" s="783"/>
      <c r="AW42" s="783"/>
      <c r="AX42" s="783"/>
      <c r="AY42" s="784"/>
      <c r="AZ42" s="768">
        <v>
6986665</v>
      </c>
      <c r="BA42" s="769"/>
      <c r="BB42" s="769"/>
      <c r="BC42" s="769"/>
      <c r="BD42" s="754"/>
      <c r="BE42" s="754"/>
      <c r="BF42" s="756"/>
      <c r="BG42" s="766"/>
      <c r="BH42" s="767"/>
      <c r="BI42" s="767"/>
      <c r="BJ42" s="767"/>
      <c r="BK42" s="767"/>
      <c r="BL42" s="237"/>
      <c r="BM42" s="709" t="s">
        <v>
362</v>
      </c>
      <c r="BN42" s="709"/>
      <c r="BO42" s="709"/>
      <c r="BP42" s="709"/>
      <c r="BQ42" s="709"/>
      <c r="BR42" s="709"/>
      <c r="BS42" s="709"/>
      <c r="BT42" s="709"/>
      <c r="BU42" s="710"/>
      <c r="BV42" s="768">
        <v>
237</v>
      </c>
      <c r="BW42" s="769"/>
      <c r="BX42" s="769"/>
      <c r="BY42" s="769"/>
      <c r="BZ42" s="769"/>
      <c r="CA42" s="769"/>
      <c r="CB42" s="776"/>
      <c r="CD42" s="680" t="s">
        <v>
363</v>
      </c>
      <c r="CE42" s="681"/>
      <c r="CF42" s="681"/>
      <c r="CG42" s="681"/>
      <c r="CH42" s="681"/>
      <c r="CI42" s="681"/>
      <c r="CJ42" s="681"/>
      <c r="CK42" s="681"/>
      <c r="CL42" s="681"/>
      <c r="CM42" s="681"/>
      <c r="CN42" s="681"/>
      <c r="CO42" s="681"/>
      <c r="CP42" s="681"/>
      <c r="CQ42" s="682"/>
      <c r="CR42" s="683">
        <v>
10263123</v>
      </c>
      <c r="CS42" s="684"/>
      <c r="CT42" s="684"/>
      <c r="CU42" s="684"/>
      <c r="CV42" s="684"/>
      <c r="CW42" s="684"/>
      <c r="CX42" s="684"/>
      <c r="CY42" s="685"/>
      <c r="CZ42" s="688">
        <v>
7</v>
      </c>
      <c r="DA42" s="689"/>
      <c r="DB42" s="689"/>
      <c r="DC42" s="701"/>
      <c r="DD42" s="692">
        <v>
5410920</v>
      </c>
      <c r="DE42" s="684"/>
      <c r="DF42" s="684"/>
      <c r="DG42" s="684"/>
      <c r="DH42" s="684"/>
      <c r="DI42" s="684"/>
      <c r="DJ42" s="684"/>
      <c r="DK42" s="685"/>
      <c r="DL42" s="770"/>
      <c r="DM42" s="771"/>
      <c r="DN42" s="771"/>
      <c r="DO42" s="771"/>
      <c r="DP42" s="771"/>
      <c r="DQ42" s="771"/>
      <c r="DR42" s="771"/>
      <c r="DS42" s="771"/>
      <c r="DT42" s="771"/>
      <c r="DU42" s="771"/>
      <c r="DV42" s="772"/>
      <c r="DW42" s="773"/>
      <c r="DX42" s="774"/>
      <c r="DY42" s="774"/>
      <c r="DZ42" s="774"/>
      <c r="EA42" s="774"/>
      <c r="EB42" s="774"/>
      <c r="EC42" s="775"/>
    </row>
    <row r="43" spans="2:133" ht="11.25" customHeight="1" x14ac:dyDescent="0.2">
      <c r="BV43" s="238"/>
      <c r="BW43" s="238"/>
      <c r="BX43" s="238"/>
      <c r="BY43" s="238"/>
      <c r="BZ43" s="238"/>
      <c r="CA43" s="238"/>
      <c r="CB43" s="238"/>
      <c r="CD43" s="680" t="s">
        <v>
364</v>
      </c>
      <c r="CE43" s="681"/>
      <c r="CF43" s="681"/>
      <c r="CG43" s="681"/>
      <c r="CH43" s="681"/>
      <c r="CI43" s="681"/>
      <c r="CJ43" s="681"/>
      <c r="CK43" s="681"/>
      <c r="CL43" s="681"/>
      <c r="CM43" s="681"/>
      <c r="CN43" s="681"/>
      <c r="CO43" s="681"/>
      <c r="CP43" s="681"/>
      <c r="CQ43" s="682"/>
      <c r="CR43" s="683">
        <v>
404333</v>
      </c>
      <c r="CS43" s="719"/>
      <c r="CT43" s="719"/>
      <c r="CU43" s="719"/>
      <c r="CV43" s="719"/>
      <c r="CW43" s="719"/>
      <c r="CX43" s="719"/>
      <c r="CY43" s="720"/>
      <c r="CZ43" s="688">
        <v>
0.3</v>
      </c>
      <c r="DA43" s="717"/>
      <c r="DB43" s="717"/>
      <c r="DC43" s="721"/>
      <c r="DD43" s="692">
        <v>
399830</v>
      </c>
      <c r="DE43" s="719"/>
      <c r="DF43" s="719"/>
      <c r="DG43" s="719"/>
      <c r="DH43" s="719"/>
      <c r="DI43" s="719"/>
      <c r="DJ43" s="719"/>
      <c r="DK43" s="720"/>
      <c r="DL43" s="770"/>
      <c r="DM43" s="771"/>
      <c r="DN43" s="771"/>
      <c r="DO43" s="771"/>
      <c r="DP43" s="771"/>
      <c r="DQ43" s="771"/>
      <c r="DR43" s="771"/>
      <c r="DS43" s="771"/>
      <c r="DT43" s="771"/>
      <c r="DU43" s="771"/>
      <c r="DV43" s="772"/>
      <c r="DW43" s="773"/>
      <c r="DX43" s="774"/>
      <c r="DY43" s="774"/>
      <c r="DZ43" s="774"/>
      <c r="EA43" s="774"/>
      <c r="EB43" s="774"/>
      <c r="EC43" s="775"/>
    </row>
    <row r="44" spans="2:133" ht="11.25" customHeight="1" x14ac:dyDescent="0.2">
      <c r="CD44" s="795" t="s">
        <v>
312</v>
      </c>
      <c r="CE44" s="796"/>
      <c r="CF44" s="680" t="s">
        <v>
365</v>
      </c>
      <c r="CG44" s="681"/>
      <c r="CH44" s="681"/>
      <c r="CI44" s="681"/>
      <c r="CJ44" s="681"/>
      <c r="CK44" s="681"/>
      <c r="CL44" s="681"/>
      <c r="CM44" s="681"/>
      <c r="CN44" s="681"/>
      <c r="CO44" s="681"/>
      <c r="CP44" s="681"/>
      <c r="CQ44" s="682"/>
      <c r="CR44" s="683">
        <v>
10263123</v>
      </c>
      <c r="CS44" s="684"/>
      <c r="CT44" s="684"/>
      <c r="CU44" s="684"/>
      <c r="CV44" s="684"/>
      <c r="CW44" s="684"/>
      <c r="CX44" s="684"/>
      <c r="CY44" s="685"/>
      <c r="CZ44" s="688">
        <v>
7</v>
      </c>
      <c r="DA44" s="689"/>
      <c r="DB44" s="689"/>
      <c r="DC44" s="701"/>
      <c r="DD44" s="692">
        <v>
5410920</v>
      </c>
      <c r="DE44" s="684"/>
      <c r="DF44" s="684"/>
      <c r="DG44" s="684"/>
      <c r="DH44" s="684"/>
      <c r="DI44" s="684"/>
      <c r="DJ44" s="684"/>
      <c r="DK44" s="685"/>
      <c r="DL44" s="770"/>
      <c r="DM44" s="771"/>
      <c r="DN44" s="771"/>
      <c r="DO44" s="771"/>
      <c r="DP44" s="771"/>
      <c r="DQ44" s="771"/>
      <c r="DR44" s="771"/>
      <c r="DS44" s="771"/>
      <c r="DT44" s="771"/>
      <c r="DU44" s="771"/>
      <c r="DV44" s="772"/>
      <c r="DW44" s="773"/>
      <c r="DX44" s="774"/>
      <c r="DY44" s="774"/>
      <c r="DZ44" s="774"/>
      <c r="EA44" s="774"/>
      <c r="EB44" s="774"/>
      <c r="EC44" s="775"/>
    </row>
    <row r="45" spans="2:133" ht="11.25" customHeight="1" x14ac:dyDescent="0.2">
      <c r="CD45" s="797"/>
      <c r="CE45" s="798"/>
      <c r="CF45" s="680" t="s">
        <v>
366</v>
      </c>
      <c r="CG45" s="681"/>
      <c r="CH45" s="681"/>
      <c r="CI45" s="681"/>
      <c r="CJ45" s="681"/>
      <c r="CK45" s="681"/>
      <c r="CL45" s="681"/>
      <c r="CM45" s="681"/>
      <c r="CN45" s="681"/>
      <c r="CO45" s="681"/>
      <c r="CP45" s="681"/>
      <c r="CQ45" s="682"/>
      <c r="CR45" s="683">
        <v>
3384116</v>
      </c>
      <c r="CS45" s="719"/>
      <c r="CT45" s="719"/>
      <c r="CU45" s="719"/>
      <c r="CV45" s="719"/>
      <c r="CW45" s="719"/>
      <c r="CX45" s="719"/>
      <c r="CY45" s="720"/>
      <c r="CZ45" s="688">
        <v>
2.2999999999999998</v>
      </c>
      <c r="DA45" s="717"/>
      <c r="DB45" s="717"/>
      <c r="DC45" s="721"/>
      <c r="DD45" s="692">
        <v>
786075</v>
      </c>
      <c r="DE45" s="719"/>
      <c r="DF45" s="719"/>
      <c r="DG45" s="719"/>
      <c r="DH45" s="719"/>
      <c r="DI45" s="719"/>
      <c r="DJ45" s="719"/>
      <c r="DK45" s="720"/>
      <c r="DL45" s="770"/>
      <c r="DM45" s="771"/>
      <c r="DN45" s="771"/>
      <c r="DO45" s="771"/>
      <c r="DP45" s="771"/>
      <c r="DQ45" s="771"/>
      <c r="DR45" s="771"/>
      <c r="DS45" s="771"/>
      <c r="DT45" s="771"/>
      <c r="DU45" s="771"/>
      <c r="DV45" s="772"/>
      <c r="DW45" s="773"/>
      <c r="DX45" s="774"/>
      <c r="DY45" s="774"/>
      <c r="DZ45" s="774"/>
      <c r="EA45" s="774"/>
      <c r="EB45" s="774"/>
      <c r="EC45" s="775"/>
    </row>
    <row r="46" spans="2:133" ht="11.25" customHeight="1" x14ac:dyDescent="0.2">
      <c r="B46" s="230" t="s">
        <v>
367</v>
      </c>
      <c r="C46" s="230"/>
      <c r="D46" s="230"/>
      <c r="E46" s="230"/>
      <c r="F46" s="230"/>
      <c r="G46" s="230"/>
      <c r="H46" s="230"/>
      <c r="I46" s="230"/>
      <c r="J46" s="230"/>
      <c r="K46" s="230"/>
      <c r="L46" s="230"/>
      <c r="M46" s="230"/>
      <c r="N46" s="230"/>
      <c r="O46" s="230"/>
      <c r="P46" s="230"/>
      <c r="Q46" s="230"/>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797"/>
      <c r="CE46" s="798"/>
      <c r="CF46" s="680" t="s">
        <v>
368</v>
      </c>
      <c r="CG46" s="681"/>
      <c r="CH46" s="681"/>
      <c r="CI46" s="681"/>
      <c r="CJ46" s="681"/>
      <c r="CK46" s="681"/>
      <c r="CL46" s="681"/>
      <c r="CM46" s="681"/>
      <c r="CN46" s="681"/>
      <c r="CO46" s="681"/>
      <c r="CP46" s="681"/>
      <c r="CQ46" s="682"/>
      <c r="CR46" s="683">
        <v>
6879007</v>
      </c>
      <c r="CS46" s="684"/>
      <c r="CT46" s="684"/>
      <c r="CU46" s="684"/>
      <c r="CV46" s="684"/>
      <c r="CW46" s="684"/>
      <c r="CX46" s="684"/>
      <c r="CY46" s="685"/>
      <c r="CZ46" s="688">
        <v>
4.7</v>
      </c>
      <c r="DA46" s="689"/>
      <c r="DB46" s="689"/>
      <c r="DC46" s="701"/>
      <c r="DD46" s="692">
        <v>
4624845</v>
      </c>
      <c r="DE46" s="684"/>
      <c r="DF46" s="684"/>
      <c r="DG46" s="684"/>
      <c r="DH46" s="684"/>
      <c r="DI46" s="684"/>
      <c r="DJ46" s="684"/>
      <c r="DK46" s="685"/>
      <c r="DL46" s="770"/>
      <c r="DM46" s="771"/>
      <c r="DN46" s="771"/>
      <c r="DO46" s="771"/>
      <c r="DP46" s="771"/>
      <c r="DQ46" s="771"/>
      <c r="DR46" s="771"/>
      <c r="DS46" s="771"/>
      <c r="DT46" s="771"/>
      <c r="DU46" s="771"/>
      <c r="DV46" s="772"/>
      <c r="DW46" s="773"/>
      <c r="DX46" s="774"/>
      <c r="DY46" s="774"/>
      <c r="DZ46" s="774"/>
      <c r="EA46" s="774"/>
      <c r="EB46" s="774"/>
      <c r="EC46" s="775"/>
    </row>
    <row r="47" spans="2:133" ht="11.25" customHeight="1" x14ac:dyDescent="0.2">
      <c r="B47" s="240" t="s">
        <v>
369</v>
      </c>
      <c r="C47" s="230"/>
      <c r="D47" s="230"/>
      <c r="E47" s="230"/>
      <c r="F47" s="230"/>
      <c r="G47" s="230"/>
      <c r="H47" s="230"/>
      <c r="I47" s="230"/>
      <c r="J47" s="230"/>
      <c r="K47" s="230"/>
      <c r="L47" s="230"/>
      <c r="M47" s="230"/>
      <c r="N47" s="230"/>
      <c r="O47" s="230"/>
      <c r="P47" s="230"/>
      <c r="Q47" s="230"/>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7"/>
      <c r="CE47" s="798"/>
      <c r="CF47" s="680" t="s">
        <v>
370</v>
      </c>
      <c r="CG47" s="681"/>
      <c r="CH47" s="681"/>
      <c r="CI47" s="681"/>
      <c r="CJ47" s="681"/>
      <c r="CK47" s="681"/>
      <c r="CL47" s="681"/>
      <c r="CM47" s="681"/>
      <c r="CN47" s="681"/>
      <c r="CO47" s="681"/>
      <c r="CP47" s="681"/>
      <c r="CQ47" s="682"/>
      <c r="CR47" s="683" t="s">
        <v>
178</v>
      </c>
      <c r="CS47" s="719"/>
      <c r="CT47" s="719"/>
      <c r="CU47" s="719"/>
      <c r="CV47" s="719"/>
      <c r="CW47" s="719"/>
      <c r="CX47" s="719"/>
      <c r="CY47" s="720"/>
      <c r="CZ47" s="688" t="s">
        <v>
242</v>
      </c>
      <c r="DA47" s="717"/>
      <c r="DB47" s="717"/>
      <c r="DC47" s="721"/>
      <c r="DD47" s="692" t="s">
        <v>
178</v>
      </c>
      <c r="DE47" s="719"/>
      <c r="DF47" s="719"/>
      <c r="DG47" s="719"/>
      <c r="DH47" s="719"/>
      <c r="DI47" s="719"/>
      <c r="DJ47" s="719"/>
      <c r="DK47" s="720"/>
      <c r="DL47" s="770"/>
      <c r="DM47" s="771"/>
      <c r="DN47" s="771"/>
      <c r="DO47" s="771"/>
      <c r="DP47" s="771"/>
      <c r="DQ47" s="771"/>
      <c r="DR47" s="771"/>
      <c r="DS47" s="771"/>
      <c r="DT47" s="771"/>
      <c r="DU47" s="771"/>
      <c r="DV47" s="772"/>
      <c r="DW47" s="773"/>
      <c r="DX47" s="774"/>
      <c r="DY47" s="774"/>
      <c r="DZ47" s="774"/>
      <c r="EA47" s="774"/>
      <c r="EB47" s="774"/>
      <c r="EC47" s="775"/>
    </row>
    <row r="48" spans="2:133" ht="10.8" x14ac:dyDescent="0.2">
      <c r="B48" s="241" t="s">
        <v>
371</v>
      </c>
      <c r="CD48" s="799"/>
      <c r="CE48" s="800"/>
      <c r="CF48" s="680" t="s">
        <v>
372</v>
      </c>
      <c r="CG48" s="681"/>
      <c r="CH48" s="681"/>
      <c r="CI48" s="681"/>
      <c r="CJ48" s="681"/>
      <c r="CK48" s="681"/>
      <c r="CL48" s="681"/>
      <c r="CM48" s="681"/>
      <c r="CN48" s="681"/>
      <c r="CO48" s="681"/>
      <c r="CP48" s="681"/>
      <c r="CQ48" s="682"/>
      <c r="CR48" s="683" t="s">
        <v>
242</v>
      </c>
      <c r="CS48" s="684"/>
      <c r="CT48" s="684"/>
      <c r="CU48" s="684"/>
      <c r="CV48" s="684"/>
      <c r="CW48" s="684"/>
      <c r="CX48" s="684"/>
      <c r="CY48" s="685"/>
      <c r="CZ48" s="688" t="s">
        <v>
178</v>
      </c>
      <c r="DA48" s="689"/>
      <c r="DB48" s="689"/>
      <c r="DC48" s="701"/>
      <c r="DD48" s="692" t="s">
        <v>
178</v>
      </c>
      <c r="DE48" s="684"/>
      <c r="DF48" s="684"/>
      <c r="DG48" s="684"/>
      <c r="DH48" s="684"/>
      <c r="DI48" s="684"/>
      <c r="DJ48" s="684"/>
      <c r="DK48" s="685"/>
      <c r="DL48" s="770"/>
      <c r="DM48" s="771"/>
      <c r="DN48" s="771"/>
      <c r="DO48" s="771"/>
      <c r="DP48" s="771"/>
      <c r="DQ48" s="771"/>
      <c r="DR48" s="771"/>
      <c r="DS48" s="771"/>
      <c r="DT48" s="771"/>
      <c r="DU48" s="771"/>
      <c r="DV48" s="772"/>
      <c r="DW48" s="773"/>
      <c r="DX48" s="774"/>
      <c r="DY48" s="774"/>
      <c r="DZ48" s="774"/>
      <c r="EA48" s="774"/>
      <c r="EB48" s="774"/>
      <c r="EC48" s="775"/>
    </row>
    <row r="49" spans="82:133" ht="11.25" customHeight="1" x14ac:dyDescent="0.2">
      <c r="CD49" s="724" t="s">
        <v>
373</v>
      </c>
      <c r="CE49" s="725"/>
      <c r="CF49" s="725"/>
      <c r="CG49" s="725"/>
      <c r="CH49" s="725"/>
      <c r="CI49" s="725"/>
      <c r="CJ49" s="725"/>
      <c r="CK49" s="725"/>
      <c r="CL49" s="725"/>
      <c r="CM49" s="725"/>
      <c r="CN49" s="725"/>
      <c r="CO49" s="725"/>
      <c r="CP49" s="725"/>
      <c r="CQ49" s="726"/>
      <c r="CR49" s="768">
        <v>
146142692</v>
      </c>
      <c r="CS49" s="754"/>
      <c r="CT49" s="754"/>
      <c r="CU49" s="754"/>
      <c r="CV49" s="754"/>
      <c r="CW49" s="754"/>
      <c r="CX49" s="754"/>
      <c r="CY49" s="785"/>
      <c r="CZ49" s="780">
        <v>
100</v>
      </c>
      <c r="DA49" s="786"/>
      <c r="DB49" s="786"/>
      <c r="DC49" s="787"/>
      <c r="DD49" s="788">
        <v>
97222018</v>
      </c>
      <c r="DE49" s="754"/>
      <c r="DF49" s="754"/>
      <c r="DG49" s="754"/>
      <c r="DH49" s="754"/>
      <c r="DI49" s="754"/>
      <c r="DJ49" s="754"/>
      <c r="DK49" s="785"/>
      <c r="DL49" s="789"/>
      <c r="DM49" s="790"/>
      <c r="DN49" s="790"/>
      <c r="DO49" s="790"/>
      <c r="DP49" s="790"/>
      <c r="DQ49" s="790"/>
      <c r="DR49" s="790"/>
      <c r="DS49" s="790"/>
      <c r="DT49" s="790"/>
      <c r="DU49" s="790"/>
      <c r="DV49" s="791"/>
      <c r="DW49" s="792"/>
      <c r="DX49" s="793"/>
      <c r="DY49" s="793"/>
      <c r="DZ49" s="793"/>
      <c r="EA49" s="793"/>
      <c r="EB49" s="793"/>
      <c r="EC49" s="794"/>
    </row>
  </sheetData>
  <sheetProtection algorithmName="SHA-512" hashValue="ObMURbef342j6y9lnomCTzOc3CyY8O2Fz8FRB5BCWEVRZyBPNi++uHLYJeZ6Fsfm4XvNkvSPyLXVt9cdDgNRTg==" saltValue="C+RSMFm30KrURJkKtX6paA==" spinCount="100000" sheet="1" objects="1" scenarios="1"/>
  <mergeCells count="606">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DD47:DK47"/>
    <mergeCell ref="DL47:DV47"/>
    <mergeCell ref="DW47:EC47"/>
    <mergeCell ref="DW44:EC44"/>
    <mergeCell ref="CF45:CQ45"/>
    <mergeCell ref="CR45:CY45"/>
    <mergeCell ref="CF46:CQ46"/>
    <mergeCell ref="CR46:CY46"/>
    <mergeCell ref="CZ46:DC46"/>
    <mergeCell ref="DD46:DK46"/>
    <mergeCell ref="DD42:DK42"/>
    <mergeCell ref="DL42:DV42"/>
    <mergeCell ref="DW42:EC42"/>
    <mergeCell ref="CD43:CQ43"/>
    <mergeCell ref="CR43:CY43"/>
    <mergeCell ref="CZ43:DC43"/>
    <mergeCell ref="DD43:DK43"/>
    <mergeCell ref="DL43:DV43"/>
    <mergeCell ref="DW43:EC43"/>
    <mergeCell ref="CZ45:DC45"/>
    <mergeCell ref="DD45:DK45"/>
    <mergeCell ref="DL45:DV45"/>
    <mergeCell ref="DW45:EC45"/>
    <mergeCell ref="CF44:CQ44"/>
    <mergeCell ref="CR44:CY44"/>
    <mergeCell ref="CZ44:DC44"/>
    <mergeCell ref="DD44:DK44"/>
    <mergeCell ref="DL44:DV44"/>
    <mergeCell ref="BV42:CB42"/>
    <mergeCell ref="CD42:CQ42"/>
    <mergeCell ref="CR42:CY42"/>
    <mergeCell ref="CZ42:DC42"/>
    <mergeCell ref="B42:Q42"/>
    <mergeCell ref="R42:Y42"/>
    <mergeCell ref="Z42:AC42"/>
    <mergeCell ref="AD42:AK42"/>
    <mergeCell ref="AL42:AO42"/>
    <mergeCell ref="AQ42:AY42"/>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headerFooter alignWithMargins="0">
    <oddFooter>
&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
374</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830" t="s">
        <v>
375</v>
      </c>
      <c r="DK2" s="831"/>
      <c r="DL2" s="831"/>
      <c r="DM2" s="831"/>
      <c r="DN2" s="831"/>
      <c r="DO2" s="832"/>
      <c r="DP2" s="250"/>
      <c r="DQ2" s="830" t="s">
        <v>
376</v>
      </c>
      <c r="DR2" s="831"/>
      <c r="DS2" s="831"/>
      <c r="DT2" s="831"/>
      <c r="DU2" s="831"/>
      <c r="DV2" s="831"/>
      <c r="DW2" s="831"/>
      <c r="DX2" s="831"/>
      <c r="DY2" s="831"/>
      <c r="DZ2" s="832"/>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833" t="s">
        <v>
377</v>
      </c>
      <c r="B4" s="833"/>
      <c r="C4" s="833"/>
      <c r="D4" s="833"/>
      <c r="E4" s="833"/>
      <c r="F4" s="833"/>
      <c r="G4" s="833"/>
      <c r="H4" s="833"/>
      <c r="I4" s="833"/>
      <c r="J4" s="833"/>
      <c r="K4" s="833"/>
      <c r="L4" s="833"/>
      <c r="M4" s="833"/>
      <c r="N4" s="833"/>
      <c r="O4" s="833"/>
      <c r="P4" s="833"/>
      <c r="Q4" s="833"/>
      <c r="R4" s="833"/>
      <c r="S4" s="833"/>
      <c r="T4" s="833"/>
      <c r="U4" s="833"/>
      <c r="V4" s="833"/>
      <c r="W4" s="833"/>
      <c r="X4" s="833"/>
      <c r="Y4" s="833"/>
      <c r="Z4" s="833"/>
      <c r="AA4" s="833"/>
      <c r="AB4" s="833"/>
      <c r="AC4" s="833"/>
      <c r="AD4" s="833"/>
      <c r="AE4" s="833"/>
      <c r="AF4" s="833"/>
      <c r="AG4" s="833"/>
      <c r="AH4" s="833"/>
      <c r="AI4" s="833"/>
      <c r="AJ4" s="833"/>
      <c r="AK4" s="833"/>
      <c r="AL4" s="833"/>
      <c r="AM4" s="833"/>
      <c r="AN4" s="833"/>
      <c r="AO4" s="833"/>
      <c r="AP4" s="833"/>
      <c r="AQ4" s="833"/>
      <c r="AR4" s="833"/>
      <c r="AS4" s="833"/>
      <c r="AT4" s="833"/>
      <c r="AU4" s="833"/>
      <c r="AV4" s="833"/>
      <c r="AW4" s="833"/>
      <c r="AX4" s="833"/>
      <c r="AY4" s="833"/>
      <c r="AZ4" s="253"/>
      <c r="BA4" s="253"/>
      <c r="BB4" s="253"/>
      <c r="BC4" s="253"/>
      <c r="BD4" s="253"/>
      <c r="BE4" s="254"/>
      <c r="BF4" s="254"/>
      <c r="BG4" s="254"/>
      <c r="BH4" s="254"/>
      <c r="BI4" s="254"/>
      <c r="BJ4" s="254"/>
      <c r="BK4" s="254"/>
      <c r="BL4" s="254"/>
      <c r="BM4" s="254"/>
      <c r="BN4" s="254"/>
      <c r="BO4" s="254"/>
      <c r="BP4" s="254"/>
      <c r="BQ4" s="253" t="s">
        <v>
378</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824" t="s">
        <v>
379</v>
      </c>
      <c r="B5" s="825"/>
      <c r="C5" s="825"/>
      <c r="D5" s="825"/>
      <c r="E5" s="825"/>
      <c r="F5" s="825"/>
      <c r="G5" s="825"/>
      <c r="H5" s="825"/>
      <c r="I5" s="825"/>
      <c r="J5" s="825"/>
      <c r="K5" s="825"/>
      <c r="L5" s="825"/>
      <c r="M5" s="825"/>
      <c r="N5" s="825"/>
      <c r="O5" s="825"/>
      <c r="P5" s="826"/>
      <c r="Q5" s="801" t="s">
        <v>
380</v>
      </c>
      <c r="R5" s="802"/>
      <c r="S5" s="802"/>
      <c r="T5" s="802"/>
      <c r="U5" s="803"/>
      <c r="V5" s="801" t="s">
        <v>
381</v>
      </c>
      <c r="W5" s="802"/>
      <c r="X5" s="802"/>
      <c r="Y5" s="802"/>
      <c r="Z5" s="803"/>
      <c r="AA5" s="801" t="s">
        <v>
382</v>
      </c>
      <c r="AB5" s="802"/>
      <c r="AC5" s="802"/>
      <c r="AD5" s="802"/>
      <c r="AE5" s="802"/>
      <c r="AF5" s="834" t="s">
        <v>
383</v>
      </c>
      <c r="AG5" s="802"/>
      <c r="AH5" s="802"/>
      <c r="AI5" s="802"/>
      <c r="AJ5" s="813"/>
      <c r="AK5" s="802" t="s">
        <v>
384</v>
      </c>
      <c r="AL5" s="802"/>
      <c r="AM5" s="802"/>
      <c r="AN5" s="802"/>
      <c r="AO5" s="803"/>
      <c r="AP5" s="801" t="s">
        <v>
385</v>
      </c>
      <c r="AQ5" s="802"/>
      <c r="AR5" s="802"/>
      <c r="AS5" s="802"/>
      <c r="AT5" s="803"/>
      <c r="AU5" s="801" t="s">
        <v>
386</v>
      </c>
      <c r="AV5" s="802"/>
      <c r="AW5" s="802"/>
      <c r="AX5" s="802"/>
      <c r="AY5" s="813"/>
      <c r="AZ5" s="257"/>
      <c r="BA5" s="257"/>
      <c r="BB5" s="257"/>
      <c r="BC5" s="257"/>
      <c r="BD5" s="257"/>
      <c r="BE5" s="258"/>
      <c r="BF5" s="258"/>
      <c r="BG5" s="258"/>
      <c r="BH5" s="258"/>
      <c r="BI5" s="258"/>
      <c r="BJ5" s="258"/>
      <c r="BK5" s="258"/>
      <c r="BL5" s="258"/>
      <c r="BM5" s="258"/>
      <c r="BN5" s="258"/>
      <c r="BO5" s="258"/>
      <c r="BP5" s="258"/>
      <c r="BQ5" s="824" t="s">
        <v>
387</v>
      </c>
      <c r="BR5" s="825"/>
      <c r="BS5" s="825"/>
      <c r="BT5" s="825"/>
      <c r="BU5" s="825"/>
      <c r="BV5" s="825"/>
      <c r="BW5" s="825"/>
      <c r="BX5" s="825"/>
      <c r="BY5" s="825"/>
      <c r="BZ5" s="825"/>
      <c r="CA5" s="825"/>
      <c r="CB5" s="825"/>
      <c r="CC5" s="825"/>
      <c r="CD5" s="825"/>
      <c r="CE5" s="825"/>
      <c r="CF5" s="825"/>
      <c r="CG5" s="826"/>
      <c r="CH5" s="801" t="s">
        <v>
388</v>
      </c>
      <c r="CI5" s="802"/>
      <c r="CJ5" s="802"/>
      <c r="CK5" s="802"/>
      <c r="CL5" s="803"/>
      <c r="CM5" s="801" t="s">
        <v>
389</v>
      </c>
      <c r="CN5" s="802"/>
      <c r="CO5" s="802"/>
      <c r="CP5" s="802"/>
      <c r="CQ5" s="803"/>
      <c r="CR5" s="801" t="s">
        <v>
390</v>
      </c>
      <c r="CS5" s="802"/>
      <c r="CT5" s="802"/>
      <c r="CU5" s="802"/>
      <c r="CV5" s="803"/>
      <c r="CW5" s="801" t="s">
        <v>
391</v>
      </c>
      <c r="CX5" s="802"/>
      <c r="CY5" s="802"/>
      <c r="CZ5" s="802"/>
      <c r="DA5" s="803"/>
      <c r="DB5" s="801" t="s">
        <v>
392</v>
      </c>
      <c r="DC5" s="802"/>
      <c r="DD5" s="802"/>
      <c r="DE5" s="802"/>
      <c r="DF5" s="803"/>
      <c r="DG5" s="807" t="s">
        <v>
393</v>
      </c>
      <c r="DH5" s="808"/>
      <c r="DI5" s="808"/>
      <c r="DJ5" s="808"/>
      <c r="DK5" s="809"/>
      <c r="DL5" s="807" t="s">
        <v>
394</v>
      </c>
      <c r="DM5" s="808"/>
      <c r="DN5" s="808"/>
      <c r="DO5" s="808"/>
      <c r="DP5" s="809"/>
      <c r="DQ5" s="801" t="s">
        <v>
395</v>
      </c>
      <c r="DR5" s="802"/>
      <c r="DS5" s="802"/>
      <c r="DT5" s="802"/>
      <c r="DU5" s="803"/>
      <c r="DV5" s="801" t="s">
        <v>
386</v>
      </c>
      <c r="DW5" s="802"/>
      <c r="DX5" s="802"/>
      <c r="DY5" s="802"/>
      <c r="DZ5" s="813"/>
      <c r="EA5" s="255"/>
    </row>
    <row r="6" spans="1:131" s="256" customFormat="1" ht="26.25" customHeight="1" thickBot="1" x14ac:dyDescent="0.25">
      <c r="A6" s="827"/>
      <c r="B6" s="828"/>
      <c r="C6" s="828"/>
      <c r="D6" s="828"/>
      <c r="E6" s="828"/>
      <c r="F6" s="828"/>
      <c r="G6" s="828"/>
      <c r="H6" s="828"/>
      <c r="I6" s="828"/>
      <c r="J6" s="828"/>
      <c r="K6" s="828"/>
      <c r="L6" s="828"/>
      <c r="M6" s="828"/>
      <c r="N6" s="828"/>
      <c r="O6" s="828"/>
      <c r="P6" s="829"/>
      <c r="Q6" s="804"/>
      <c r="R6" s="805"/>
      <c r="S6" s="805"/>
      <c r="T6" s="805"/>
      <c r="U6" s="806"/>
      <c r="V6" s="804"/>
      <c r="W6" s="805"/>
      <c r="X6" s="805"/>
      <c r="Y6" s="805"/>
      <c r="Z6" s="806"/>
      <c r="AA6" s="804"/>
      <c r="AB6" s="805"/>
      <c r="AC6" s="805"/>
      <c r="AD6" s="805"/>
      <c r="AE6" s="805"/>
      <c r="AF6" s="835"/>
      <c r="AG6" s="805"/>
      <c r="AH6" s="805"/>
      <c r="AI6" s="805"/>
      <c r="AJ6" s="814"/>
      <c r="AK6" s="805"/>
      <c r="AL6" s="805"/>
      <c r="AM6" s="805"/>
      <c r="AN6" s="805"/>
      <c r="AO6" s="806"/>
      <c r="AP6" s="804"/>
      <c r="AQ6" s="805"/>
      <c r="AR6" s="805"/>
      <c r="AS6" s="805"/>
      <c r="AT6" s="806"/>
      <c r="AU6" s="804"/>
      <c r="AV6" s="805"/>
      <c r="AW6" s="805"/>
      <c r="AX6" s="805"/>
      <c r="AY6" s="814"/>
      <c r="AZ6" s="253"/>
      <c r="BA6" s="253"/>
      <c r="BB6" s="253"/>
      <c r="BC6" s="253"/>
      <c r="BD6" s="253"/>
      <c r="BE6" s="254"/>
      <c r="BF6" s="254"/>
      <c r="BG6" s="254"/>
      <c r="BH6" s="254"/>
      <c r="BI6" s="254"/>
      <c r="BJ6" s="254"/>
      <c r="BK6" s="254"/>
      <c r="BL6" s="254"/>
      <c r="BM6" s="254"/>
      <c r="BN6" s="254"/>
      <c r="BO6" s="254"/>
      <c r="BP6" s="254"/>
      <c r="BQ6" s="827"/>
      <c r="BR6" s="828"/>
      <c r="BS6" s="828"/>
      <c r="BT6" s="828"/>
      <c r="BU6" s="828"/>
      <c r="BV6" s="828"/>
      <c r="BW6" s="828"/>
      <c r="BX6" s="828"/>
      <c r="BY6" s="828"/>
      <c r="BZ6" s="828"/>
      <c r="CA6" s="828"/>
      <c r="CB6" s="828"/>
      <c r="CC6" s="828"/>
      <c r="CD6" s="828"/>
      <c r="CE6" s="828"/>
      <c r="CF6" s="828"/>
      <c r="CG6" s="829"/>
      <c r="CH6" s="804"/>
      <c r="CI6" s="805"/>
      <c r="CJ6" s="805"/>
      <c r="CK6" s="805"/>
      <c r="CL6" s="806"/>
      <c r="CM6" s="804"/>
      <c r="CN6" s="805"/>
      <c r="CO6" s="805"/>
      <c r="CP6" s="805"/>
      <c r="CQ6" s="806"/>
      <c r="CR6" s="804"/>
      <c r="CS6" s="805"/>
      <c r="CT6" s="805"/>
      <c r="CU6" s="805"/>
      <c r="CV6" s="806"/>
      <c r="CW6" s="804"/>
      <c r="CX6" s="805"/>
      <c r="CY6" s="805"/>
      <c r="CZ6" s="805"/>
      <c r="DA6" s="806"/>
      <c r="DB6" s="804"/>
      <c r="DC6" s="805"/>
      <c r="DD6" s="805"/>
      <c r="DE6" s="805"/>
      <c r="DF6" s="806"/>
      <c r="DG6" s="810"/>
      <c r="DH6" s="811"/>
      <c r="DI6" s="811"/>
      <c r="DJ6" s="811"/>
      <c r="DK6" s="812"/>
      <c r="DL6" s="810"/>
      <c r="DM6" s="811"/>
      <c r="DN6" s="811"/>
      <c r="DO6" s="811"/>
      <c r="DP6" s="812"/>
      <c r="DQ6" s="804"/>
      <c r="DR6" s="805"/>
      <c r="DS6" s="805"/>
      <c r="DT6" s="805"/>
      <c r="DU6" s="806"/>
      <c r="DV6" s="804"/>
      <c r="DW6" s="805"/>
      <c r="DX6" s="805"/>
      <c r="DY6" s="805"/>
      <c r="DZ6" s="814"/>
      <c r="EA6" s="255"/>
    </row>
    <row r="7" spans="1:131" s="256" customFormat="1" ht="26.25" customHeight="1" thickTop="1" x14ac:dyDescent="0.2">
      <c r="A7" s="259">
        <v>
1</v>
      </c>
      <c r="B7" s="815" t="s">
        <v>
396</v>
      </c>
      <c r="C7" s="816"/>
      <c r="D7" s="816"/>
      <c r="E7" s="816"/>
      <c r="F7" s="816"/>
      <c r="G7" s="816"/>
      <c r="H7" s="816"/>
      <c r="I7" s="816"/>
      <c r="J7" s="816"/>
      <c r="K7" s="816"/>
      <c r="L7" s="816"/>
      <c r="M7" s="816"/>
      <c r="N7" s="816"/>
      <c r="O7" s="816"/>
      <c r="P7" s="817"/>
      <c r="Q7" s="818">
        <v>
149810</v>
      </c>
      <c r="R7" s="819"/>
      <c r="S7" s="819"/>
      <c r="T7" s="819"/>
      <c r="U7" s="819"/>
      <c r="V7" s="819">
        <v>
146235</v>
      </c>
      <c r="W7" s="819"/>
      <c r="X7" s="819"/>
      <c r="Y7" s="819"/>
      <c r="Z7" s="819"/>
      <c r="AA7" s="819">
        <v>
3575</v>
      </c>
      <c r="AB7" s="819"/>
      <c r="AC7" s="819"/>
      <c r="AD7" s="819"/>
      <c r="AE7" s="820"/>
      <c r="AF7" s="821">
        <v>
3412</v>
      </c>
      <c r="AG7" s="822"/>
      <c r="AH7" s="822"/>
      <c r="AI7" s="822"/>
      <c r="AJ7" s="823"/>
      <c r="AK7" s="858">
        <v>
66</v>
      </c>
      <c r="AL7" s="859"/>
      <c r="AM7" s="859"/>
      <c r="AN7" s="859"/>
      <c r="AO7" s="859"/>
      <c r="AP7" s="859">
        <v>
18638</v>
      </c>
      <c r="AQ7" s="859"/>
      <c r="AR7" s="859"/>
      <c r="AS7" s="859"/>
      <c r="AT7" s="859"/>
      <c r="AU7" s="860"/>
      <c r="AV7" s="860"/>
      <c r="AW7" s="860"/>
      <c r="AX7" s="860"/>
      <c r="AY7" s="861"/>
      <c r="AZ7" s="253"/>
      <c r="BA7" s="253"/>
      <c r="BB7" s="253"/>
      <c r="BC7" s="253"/>
      <c r="BD7" s="253"/>
      <c r="BE7" s="254"/>
      <c r="BF7" s="254"/>
      <c r="BG7" s="254"/>
      <c r="BH7" s="254"/>
      <c r="BI7" s="254"/>
      <c r="BJ7" s="254"/>
      <c r="BK7" s="254"/>
      <c r="BL7" s="254"/>
      <c r="BM7" s="254"/>
      <c r="BN7" s="254"/>
      <c r="BO7" s="254"/>
      <c r="BP7" s="254"/>
      <c r="BQ7" s="260">
        <v>
1</v>
      </c>
      <c r="BR7" s="261"/>
      <c r="BS7" s="862" t="s">
        <v>
575</v>
      </c>
      <c r="BT7" s="863"/>
      <c r="BU7" s="863"/>
      <c r="BV7" s="863"/>
      <c r="BW7" s="863"/>
      <c r="BX7" s="863"/>
      <c r="BY7" s="863"/>
      <c r="BZ7" s="863"/>
      <c r="CA7" s="863"/>
      <c r="CB7" s="863"/>
      <c r="CC7" s="863"/>
      <c r="CD7" s="863"/>
      <c r="CE7" s="863"/>
      <c r="CF7" s="863"/>
      <c r="CG7" s="864"/>
      <c r="CH7" s="855">
        <v>
49</v>
      </c>
      <c r="CI7" s="856"/>
      <c r="CJ7" s="856"/>
      <c r="CK7" s="856"/>
      <c r="CL7" s="857"/>
      <c r="CM7" s="855">
        <v>
1892</v>
      </c>
      <c r="CN7" s="856"/>
      <c r="CO7" s="856"/>
      <c r="CP7" s="856"/>
      <c r="CQ7" s="857"/>
      <c r="CR7" s="855">
        <v>
500</v>
      </c>
      <c r="CS7" s="856"/>
      <c r="CT7" s="856"/>
      <c r="CU7" s="856"/>
      <c r="CV7" s="857"/>
      <c r="CW7" s="855">
        <v>
514</v>
      </c>
      <c r="CX7" s="856"/>
      <c r="CY7" s="856"/>
      <c r="CZ7" s="856"/>
      <c r="DA7" s="857"/>
      <c r="DB7" s="855" t="s">
        <v>
584</v>
      </c>
      <c r="DC7" s="856"/>
      <c r="DD7" s="856"/>
      <c r="DE7" s="856"/>
      <c r="DF7" s="857"/>
      <c r="DG7" s="855" t="s">
        <v>
584</v>
      </c>
      <c r="DH7" s="856"/>
      <c r="DI7" s="856"/>
      <c r="DJ7" s="856"/>
      <c r="DK7" s="857"/>
      <c r="DL7" s="855" t="s">
        <v>
584</v>
      </c>
      <c r="DM7" s="856"/>
      <c r="DN7" s="856"/>
      <c r="DO7" s="856"/>
      <c r="DP7" s="857"/>
      <c r="DQ7" s="855" t="s">
        <v>
584</v>
      </c>
      <c r="DR7" s="856"/>
      <c r="DS7" s="856"/>
      <c r="DT7" s="856"/>
      <c r="DU7" s="857"/>
      <c r="DV7" s="836"/>
      <c r="DW7" s="837"/>
      <c r="DX7" s="837"/>
      <c r="DY7" s="837"/>
      <c r="DZ7" s="838"/>
      <c r="EA7" s="255"/>
    </row>
    <row r="8" spans="1:131" s="256" customFormat="1" ht="26.25" customHeight="1" x14ac:dyDescent="0.2">
      <c r="A8" s="262">
        <v>
2</v>
      </c>
      <c r="B8" s="839"/>
      <c r="C8" s="840"/>
      <c r="D8" s="840"/>
      <c r="E8" s="840"/>
      <c r="F8" s="840"/>
      <c r="G8" s="840"/>
      <c r="H8" s="840"/>
      <c r="I8" s="840"/>
      <c r="J8" s="840"/>
      <c r="K8" s="840"/>
      <c r="L8" s="840"/>
      <c r="M8" s="840"/>
      <c r="N8" s="840"/>
      <c r="O8" s="840"/>
      <c r="P8" s="841"/>
      <c r="Q8" s="842"/>
      <c r="R8" s="843"/>
      <c r="S8" s="843"/>
      <c r="T8" s="843"/>
      <c r="U8" s="843"/>
      <c r="V8" s="843"/>
      <c r="W8" s="843"/>
      <c r="X8" s="843"/>
      <c r="Y8" s="843"/>
      <c r="Z8" s="843"/>
      <c r="AA8" s="843"/>
      <c r="AB8" s="843"/>
      <c r="AC8" s="843"/>
      <c r="AD8" s="843"/>
      <c r="AE8" s="844"/>
      <c r="AF8" s="845"/>
      <c r="AG8" s="846"/>
      <c r="AH8" s="846"/>
      <c r="AI8" s="846"/>
      <c r="AJ8" s="847"/>
      <c r="AK8" s="848"/>
      <c r="AL8" s="849"/>
      <c r="AM8" s="849"/>
      <c r="AN8" s="849"/>
      <c r="AO8" s="849"/>
      <c r="AP8" s="849"/>
      <c r="AQ8" s="849"/>
      <c r="AR8" s="849"/>
      <c r="AS8" s="849"/>
      <c r="AT8" s="849"/>
      <c r="AU8" s="850"/>
      <c r="AV8" s="850"/>
      <c r="AW8" s="850"/>
      <c r="AX8" s="850"/>
      <c r="AY8" s="851"/>
      <c r="AZ8" s="253"/>
      <c r="BA8" s="253"/>
      <c r="BB8" s="253"/>
      <c r="BC8" s="253"/>
      <c r="BD8" s="253"/>
      <c r="BE8" s="254"/>
      <c r="BF8" s="254"/>
      <c r="BG8" s="254"/>
      <c r="BH8" s="254"/>
      <c r="BI8" s="254"/>
      <c r="BJ8" s="254"/>
      <c r="BK8" s="254"/>
      <c r="BL8" s="254"/>
      <c r="BM8" s="254"/>
      <c r="BN8" s="254"/>
      <c r="BO8" s="254"/>
      <c r="BP8" s="254"/>
      <c r="BQ8" s="263">
        <v>
2</v>
      </c>
      <c r="BR8" s="264" t="s">
        <v>
578</v>
      </c>
      <c r="BS8" s="852" t="s">
        <v>
576</v>
      </c>
      <c r="BT8" s="853"/>
      <c r="BU8" s="853"/>
      <c r="BV8" s="853"/>
      <c r="BW8" s="853"/>
      <c r="BX8" s="853"/>
      <c r="BY8" s="853"/>
      <c r="BZ8" s="853"/>
      <c r="CA8" s="853"/>
      <c r="CB8" s="853"/>
      <c r="CC8" s="853"/>
      <c r="CD8" s="853"/>
      <c r="CE8" s="853"/>
      <c r="CF8" s="853"/>
      <c r="CG8" s="854"/>
      <c r="CH8" s="865" t="s">
        <v>
585</v>
      </c>
      <c r="CI8" s="866"/>
      <c r="CJ8" s="866"/>
      <c r="CK8" s="866"/>
      <c r="CL8" s="867"/>
      <c r="CM8" s="865">
        <v>
10</v>
      </c>
      <c r="CN8" s="866"/>
      <c r="CO8" s="866"/>
      <c r="CP8" s="866"/>
      <c r="CQ8" s="867"/>
      <c r="CR8" s="865">
        <v>
10</v>
      </c>
      <c r="CS8" s="866"/>
      <c r="CT8" s="866"/>
      <c r="CU8" s="866"/>
      <c r="CV8" s="867"/>
      <c r="CW8" s="865">
        <v>
0</v>
      </c>
      <c r="CX8" s="866"/>
      <c r="CY8" s="866"/>
      <c r="CZ8" s="866"/>
      <c r="DA8" s="867"/>
      <c r="DB8" s="865" t="s">
        <v>
584</v>
      </c>
      <c r="DC8" s="866"/>
      <c r="DD8" s="866"/>
      <c r="DE8" s="866"/>
      <c r="DF8" s="867"/>
      <c r="DG8" s="865" t="s">
        <v>
584</v>
      </c>
      <c r="DH8" s="866"/>
      <c r="DI8" s="866"/>
      <c r="DJ8" s="866"/>
      <c r="DK8" s="867"/>
      <c r="DL8" s="865" t="s">
        <v>
584</v>
      </c>
      <c r="DM8" s="866"/>
      <c r="DN8" s="866"/>
      <c r="DO8" s="866"/>
      <c r="DP8" s="867"/>
      <c r="DQ8" s="865" t="s">
        <v>
584</v>
      </c>
      <c r="DR8" s="866"/>
      <c r="DS8" s="866"/>
      <c r="DT8" s="866"/>
      <c r="DU8" s="867"/>
      <c r="DV8" s="868"/>
      <c r="DW8" s="869"/>
      <c r="DX8" s="869"/>
      <c r="DY8" s="869"/>
      <c r="DZ8" s="870"/>
      <c r="EA8" s="255"/>
    </row>
    <row r="9" spans="1:131" s="256" customFormat="1" ht="26.25" customHeight="1" x14ac:dyDescent="0.2">
      <c r="A9" s="262">
        <v>
3</v>
      </c>
      <c r="B9" s="839"/>
      <c r="C9" s="840"/>
      <c r="D9" s="840"/>
      <c r="E9" s="840"/>
      <c r="F9" s="840"/>
      <c r="G9" s="840"/>
      <c r="H9" s="840"/>
      <c r="I9" s="840"/>
      <c r="J9" s="840"/>
      <c r="K9" s="840"/>
      <c r="L9" s="840"/>
      <c r="M9" s="840"/>
      <c r="N9" s="840"/>
      <c r="O9" s="840"/>
      <c r="P9" s="841"/>
      <c r="Q9" s="842"/>
      <c r="R9" s="843"/>
      <c r="S9" s="843"/>
      <c r="T9" s="843"/>
      <c r="U9" s="843"/>
      <c r="V9" s="843"/>
      <c r="W9" s="843"/>
      <c r="X9" s="843"/>
      <c r="Y9" s="843"/>
      <c r="Z9" s="843"/>
      <c r="AA9" s="843"/>
      <c r="AB9" s="843"/>
      <c r="AC9" s="843"/>
      <c r="AD9" s="843"/>
      <c r="AE9" s="844"/>
      <c r="AF9" s="845"/>
      <c r="AG9" s="846"/>
      <c r="AH9" s="846"/>
      <c r="AI9" s="846"/>
      <c r="AJ9" s="847"/>
      <c r="AK9" s="848"/>
      <c r="AL9" s="849"/>
      <c r="AM9" s="849"/>
      <c r="AN9" s="849"/>
      <c r="AO9" s="849"/>
      <c r="AP9" s="849"/>
      <c r="AQ9" s="849"/>
      <c r="AR9" s="849"/>
      <c r="AS9" s="849"/>
      <c r="AT9" s="849"/>
      <c r="AU9" s="850"/>
      <c r="AV9" s="850"/>
      <c r="AW9" s="850"/>
      <c r="AX9" s="850"/>
      <c r="AY9" s="851"/>
      <c r="AZ9" s="253"/>
      <c r="BA9" s="253"/>
      <c r="BB9" s="253"/>
      <c r="BC9" s="253"/>
      <c r="BD9" s="253"/>
      <c r="BE9" s="254"/>
      <c r="BF9" s="254"/>
      <c r="BG9" s="254"/>
      <c r="BH9" s="254"/>
      <c r="BI9" s="254"/>
      <c r="BJ9" s="254"/>
      <c r="BK9" s="254"/>
      <c r="BL9" s="254"/>
      <c r="BM9" s="254"/>
      <c r="BN9" s="254"/>
      <c r="BO9" s="254"/>
      <c r="BP9" s="254"/>
      <c r="BQ9" s="263">
        <v>
3</v>
      </c>
      <c r="BR9" s="264"/>
      <c r="BS9" s="852" t="s">
        <v>
577</v>
      </c>
      <c r="BT9" s="853"/>
      <c r="BU9" s="853"/>
      <c r="BV9" s="853"/>
      <c r="BW9" s="853"/>
      <c r="BX9" s="853"/>
      <c r="BY9" s="853"/>
      <c r="BZ9" s="853"/>
      <c r="CA9" s="853"/>
      <c r="CB9" s="853"/>
      <c r="CC9" s="853"/>
      <c r="CD9" s="853"/>
      <c r="CE9" s="853"/>
      <c r="CF9" s="853"/>
      <c r="CG9" s="854"/>
      <c r="CH9" s="865">
        <v>
2</v>
      </c>
      <c r="CI9" s="866"/>
      <c r="CJ9" s="866"/>
      <c r="CK9" s="866"/>
      <c r="CL9" s="867"/>
      <c r="CM9" s="865">
        <v>
481</v>
      </c>
      <c r="CN9" s="866"/>
      <c r="CO9" s="866"/>
      <c r="CP9" s="866"/>
      <c r="CQ9" s="867"/>
      <c r="CR9" s="865">
        <v>
303</v>
      </c>
      <c r="CS9" s="866"/>
      <c r="CT9" s="866"/>
      <c r="CU9" s="866"/>
      <c r="CV9" s="867"/>
      <c r="CW9" s="865">
        <v>
365</v>
      </c>
      <c r="CX9" s="866"/>
      <c r="CY9" s="866"/>
      <c r="CZ9" s="866"/>
      <c r="DA9" s="867"/>
      <c r="DB9" s="865" t="s">
        <v>
584</v>
      </c>
      <c r="DC9" s="866"/>
      <c r="DD9" s="866"/>
      <c r="DE9" s="866"/>
      <c r="DF9" s="867"/>
      <c r="DG9" s="865" t="s">
        <v>
584</v>
      </c>
      <c r="DH9" s="866"/>
      <c r="DI9" s="866"/>
      <c r="DJ9" s="866"/>
      <c r="DK9" s="867"/>
      <c r="DL9" s="865" t="s">
        <v>
584</v>
      </c>
      <c r="DM9" s="866"/>
      <c r="DN9" s="866"/>
      <c r="DO9" s="866"/>
      <c r="DP9" s="867"/>
      <c r="DQ9" s="865" t="s">
        <v>
584</v>
      </c>
      <c r="DR9" s="866"/>
      <c r="DS9" s="866"/>
      <c r="DT9" s="866"/>
      <c r="DU9" s="867"/>
      <c r="DV9" s="868"/>
      <c r="DW9" s="869"/>
      <c r="DX9" s="869"/>
      <c r="DY9" s="869"/>
      <c r="DZ9" s="870"/>
      <c r="EA9" s="255"/>
    </row>
    <row r="10" spans="1:131" s="256" customFormat="1" ht="26.25" customHeight="1" x14ac:dyDescent="0.2">
      <c r="A10" s="262">
        <v>
4</v>
      </c>
      <c r="B10" s="839"/>
      <c r="C10" s="840"/>
      <c r="D10" s="840"/>
      <c r="E10" s="840"/>
      <c r="F10" s="840"/>
      <c r="G10" s="840"/>
      <c r="H10" s="840"/>
      <c r="I10" s="840"/>
      <c r="J10" s="840"/>
      <c r="K10" s="840"/>
      <c r="L10" s="840"/>
      <c r="M10" s="840"/>
      <c r="N10" s="840"/>
      <c r="O10" s="840"/>
      <c r="P10" s="841"/>
      <c r="Q10" s="842"/>
      <c r="R10" s="843"/>
      <c r="S10" s="843"/>
      <c r="T10" s="843"/>
      <c r="U10" s="843"/>
      <c r="V10" s="843"/>
      <c r="W10" s="843"/>
      <c r="X10" s="843"/>
      <c r="Y10" s="843"/>
      <c r="Z10" s="843"/>
      <c r="AA10" s="843"/>
      <c r="AB10" s="843"/>
      <c r="AC10" s="843"/>
      <c r="AD10" s="843"/>
      <c r="AE10" s="844"/>
      <c r="AF10" s="845"/>
      <c r="AG10" s="846"/>
      <c r="AH10" s="846"/>
      <c r="AI10" s="846"/>
      <c r="AJ10" s="847"/>
      <c r="AK10" s="848"/>
      <c r="AL10" s="849"/>
      <c r="AM10" s="849"/>
      <c r="AN10" s="849"/>
      <c r="AO10" s="849"/>
      <c r="AP10" s="849"/>
      <c r="AQ10" s="849"/>
      <c r="AR10" s="849"/>
      <c r="AS10" s="849"/>
      <c r="AT10" s="849"/>
      <c r="AU10" s="850"/>
      <c r="AV10" s="850"/>
      <c r="AW10" s="850"/>
      <c r="AX10" s="850"/>
      <c r="AY10" s="851"/>
      <c r="AZ10" s="253"/>
      <c r="BA10" s="253"/>
      <c r="BB10" s="253"/>
      <c r="BC10" s="253"/>
      <c r="BD10" s="253"/>
      <c r="BE10" s="254"/>
      <c r="BF10" s="254"/>
      <c r="BG10" s="254"/>
      <c r="BH10" s="254"/>
      <c r="BI10" s="254"/>
      <c r="BJ10" s="254"/>
      <c r="BK10" s="254"/>
      <c r="BL10" s="254"/>
      <c r="BM10" s="254"/>
      <c r="BN10" s="254"/>
      <c r="BO10" s="254"/>
      <c r="BP10" s="254"/>
      <c r="BQ10" s="263">
        <v>
4</v>
      </c>
      <c r="BR10" s="264"/>
      <c r="BS10" s="852"/>
      <c r="BT10" s="853"/>
      <c r="BU10" s="853"/>
      <c r="BV10" s="853"/>
      <c r="BW10" s="853"/>
      <c r="BX10" s="853"/>
      <c r="BY10" s="853"/>
      <c r="BZ10" s="853"/>
      <c r="CA10" s="853"/>
      <c r="CB10" s="853"/>
      <c r="CC10" s="853"/>
      <c r="CD10" s="853"/>
      <c r="CE10" s="853"/>
      <c r="CF10" s="853"/>
      <c r="CG10" s="854"/>
      <c r="CH10" s="865"/>
      <c r="CI10" s="866"/>
      <c r="CJ10" s="866"/>
      <c r="CK10" s="866"/>
      <c r="CL10" s="867"/>
      <c r="CM10" s="865"/>
      <c r="CN10" s="866"/>
      <c r="CO10" s="866"/>
      <c r="CP10" s="866"/>
      <c r="CQ10" s="867"/>
      <c r="CR10" s="865"/>
      <c r="CS10" s="866"/>
      <c r="CT10" s="866"/>
      <c r="CU10" s="866"/>
      <c r="CV10" s="867"/>
      <c r="CW10" s="865"/>
      <c r="CX10" s="866"/>
      <c r="CY10" s="866"/>
      <c r="CZ10" s="866"/>
      <c r="DA10" s="867"/>
      <c r="DB10" s="865"/>
      <c r="DC10" s="866"/>
      <c r="DD10" s="866"/>
      <c r="DE10" s="866"/>
      <c r="DF10" s="867"/>
      <c r="DG10" s="865"/>
      <c r="DH10" s="866"/>
      <c r="DI10" s="866"/>
      <c r="DJ10" s="866"/>
      <c r="DK10" s="867"/>
      <c r="DL10" s="865"/>
      <c r="DM10" s="866"/>
      <c r="DN10" s="866"/>
      <c r="DO10" s="866"/>
      <c r="DP10" s="867"/>
      <c r="DQ10" s="865"/>
      <c r="DR10" s="866"/>
      <c r="DS10" s="866"/>
      <c r="DT10" s="866"/>
      <c r="DU10" s="867"/>
      <c r="DV10" s="868"/>
      <c r="DW10" s="869"/>
      <c r="DX10" s="869"/>
      <c r="DY10" s="869"/>
      <c r="DZ10" s="870"/>
      <c r="EA10" s="255"/>
    </row>
    <row r="11" spans="1:131" s="256" customFormat="1" ht="26.25" customHeight="1" x14ac:dyDescent="0.2">
      <c r="A11" s="262">
        <v>
5</v>
      </c>
      <c r="B11" s="839"/>
      <c r="C11" s="840"/>
      <c r="D11" s="840"/>
      <c r="E11" s="840"/>
      <c r="F11" s="840"/>
      <c r="G11" s="840"/>
      <c r="H11" s="840"/>
      <c r="I11" s="840"/>
      <c r="J11" s="840"/>
      <c r="K11" s="840"/>
      <c r="L11" s="840"/>
      <c r="M11" s="840"/>
      <c r="N11" s="840"/>
      <c r="O11" s="840"/>
      <c r="P11" s="841"/>
      <c r="Q11" s="842"/>
      <c r="R11" s="843"/>
      <c r="S11" s="843"/>
      <c r="T11" s="843"/>
      <c r="U11" s="843"/>
      <c r="V11" s="843"/>
      <c r="W11" s="843"/>
      <c r="X11" s="843"/>
      <c r="Y11" s="843"/>
      <c r="Z11" s="843"/>
      <c r="AA11" s="843"/>
      <c r="AB11" s="843"/>
      <c r="AC11" s="843"/>
      <c r="AD11" s="843"/>
      <c r="AE11" s="844"/>
      <c r="AF11" s="845"/>
      <c r="AG11" s="846"/>
      <c r="AH11" s="846"/>
      <c r="AI11" s="846"/>
      <c r="AJ11" s="847"/>
      <c r="AK11" s="848"/>
      <c r="AL11" s="849"/>
      <c r="AM11" s="849"/>
      <c r="AN11" s="849"/>
      <c r="AO11" s="849"/>
      <c r="AP11" s="849"/>
      <c r="AQ11" s="849"/>
      <c r="AR11" s="849"/>
      <c r="AS11" s="849"/>
      <c r="AT11" s="849"/>
      <c r="AU11" s="850"/>
      <c r="AV11" s="850"/>
      <c r="AW11" s="850"/>
      <c r="AX11" s="850"/>
      <c r="AY11" s="851"/>
      <c r="AZ11" s="253"/>
      <c r="BA11" s="253"/>
      <c r="BB11" s="253"/>
      <c r="BC11" s="253"/>
      <c r="BD11" s="253"/>
      <c r="BE11" s="254"/>
      <c r="BF11" s="254"/>
      <c r="BG11" s="254"/>
      <c r="BH11" s="254"/>
      <c r="BI11" s="254"/>
      <c r="BJ11" s="254"/>
      <c r="BK11" s="254"/>
      <c r="BL11" s="254"/>
      <c r="BM11" s="254"/>
      <c r="BN11" s="254"/>
      <c r="BO11" s="254"/>
      <c r="BP11" s="254"/>
      <c r="BQ11" s="263">
        <v>
5</v>
      </c>
      <c r="BR11" s="264"/>
      <c r="BS11" s="852"/>
      <c r="BT11" s="853"/>
      <c r="BU11" s="853"/>
      <c r="BV11" s="853"/>
      <c r="BW11" s="853"/>
      <c r="BX11" s="853"/>
      <c r="BY11" s="853"/>
      <c r="BZ11" s="853"/>
      <c r="CA11" s="853"/>
      <c r="CB11" s="853"/>
      <c r="CC11" s="853"/>
      <c r="CD11" s="853"/>
      <c r="CE11" s="853"/>
      <c r="CF11" s="853"/>
      <c r="CG11" s="854"/>
      <c r="CH11" s="865"/>
      <c r="CI11" s="866"/>
      <c r="CJ11" s="866"/>
      <c r="CK11" s="866"/>
      <c r="CL11" s="867"/>
      <c r="CM11" s="865"/>
      <c r="CN11" s="866"/>
      <c r="CO11" s="866"/>
      <c r="CP11" s="866"/>
      <c r="CQ11" s="867"/>
      <c r="CR11" s="865"/>
      <c r="CS11" s="866"/>
      <c r="CT11" s="866"/>
      <c r="CU11" s="866"/>
      <c r="CV11" s="867"/>
      <c r="CW11" s="865"/>
      <c r="CX11" s="866"/>
      <c r="CY11" s="866"/>
      <c r="CZ11" s="866"/>
      <c r="DA11" s="867"/>
      <c r="DB11" s="865"/>
      <c r="DC11" s="866"/>
      <c r="DD11" s="866"/>
      <c r="DE11" s="866"/>
      <c r="DF11" s="867"/>
      <c r="DG11" s="865"/>
      <c r="DH11" s="866"/>
      <c r="DI11" s="866"/>
      <c r="DJ11" s="866"/>
      <c r="DK11" s="867"/>
      <c r="DL11" s="865"/>
      <c r="DM11" s="866"/>
      <c r="DN11" s="866"/>
      <c r="DO11" s="866"/>
      <c r="DP11" s="867"/>
      <c r="DQ11" s="865"/>
      <c r="DR11" s="866"/>
      <c r="DS11" s="866"/>
      <c r="DT11" s="866"/>
      <c r="DU11" s="867"/>
      <c r="DV11" s="868"/>
      <c r="DW11" s="869"/>
      <c r="DX11" s="869"/>
      <c r="DY11" s="869"/>
      <c r="DZ11" s="870"/>
      <c r="EA11" s="255"/>
    </row>
    <row r="12" spans="1:131" s="256" customFormat="1" ht="26.25" customHeight="1" x14ac:dyDescent="0.2">
      <c r="A12" s="262">
        <v>
6</v>
      </c>
      <c r="B12" s="839"/>
      <c r="C12" s="840"/>
      <c r="D12" s="840"/>
      <c r="E12" s="840"/>
      <c r="F12" s="840"/>
      <c r="G12" s="840"/>
      <c r="H12" s="840"/>
      <c r="I12" s="840"/>
      <c r="J12" s="840"/>
      <c r="K12" s="840"/>
      <c r="L12" s="840"/>
      <c r="M12" s="840"/>
      <c r="N12" s="840"/>
      <c r="O12" s="840"/>
      <c r="P12" s="841"/>
      <c r="Q12" s="842"/>
      <c r="R12" s="843"/>
      <c r="S12" s="843"/>
      <c r="T12" s="843"/>
      <c r="U12" s="843"/>
      <c r="V12" s="843"/>
      <c r="W12" s="843"/>
      <c r="X12" s="843"/>
      <c r="Y12" s="843"/>
      <c r="Z12" s="843"/>
      <c r="AA12" s="843"/>
      <c r="AB12" s="843"/>
      <c r="AC12" s="843"/>
      <c r="AD12" s="843"/>
      <c r="AE12" s="844"/>
      <c r="AF12" s="845"/>
      <c r="AG12" s="846"/>
      <c r="AH12" s="846"/>
      <c r="AI12" s="846"/>
      <c r="AJ12" s="847"/>
      <c r="AK12" s="848"/>
      <c r="AL12" s="849"/>
      <c r="AM12" s="849"/>
      <c r="AN12" s="849"/>
      <c r="AO12" s="849"/>
      <c r="AP12" s="849"/>
      <c r="AQ12" s="849"/>
      <c r="AR12" s="849"/>
      <c r="AS12" s="849"/>
      <c r="AT12" s="849"/>
      <c r="AU12" s="850"/>
      <c r="AV12" s="850"/>
      <c r="AW12" s="850"/>
      <c r="AX12" s="850"/>
      <c r="AY12" s="851"/>
      <c r="AZ12" s="253"/>
      <c r="BA12" s="253"/>
      <c r="BB12" s="253"/>
      <c r="BC12" s="253"/>
      <c r="BD12" s="253"/>
      <c r="BE12" s="254"/>
      <c r="BF12" s="254"/>
      <c r="BG12" s="254"/>
      <c r="BH12" s="254"/>
      <c r="BI12" s="254"/>
      <c r="BJ12" s="254"/>
      <c r="BK12" s="254"/>
      <c r="BL12" s="254"/>
      <c r="BM12" s="254"/>
      <c r="BN12" s="254"/>
      <c r="BO12" s="254"/>
      <c r="BP12" s="254"/>
      <c r="BQ12" s="263">
        <v>
6</v>
      </c>
      <c r="BR12" s="264"/>
      <c r="BS12" s="852"/>
      <c r="BT12" s="853"/>
      <c r="BU12" s="853"/>
      <c r="BV12" s="853"/>
      <c r="BW12" s="853"/>
      <c r="BX12" s="853"/>
      <c r="BY12" s="853"/>
      <c r="BZ12" s="853"/>
      <c r="CA12" s="853"/>
      <c r="CB12" s="853"/>
      <c r="CC12" s="853"/>
      <c r="CD12" s="853"/>
      <c r="CE12" s="853"/>
      <c r="CF12" s="853"/>
      <c r="CG12" s="854"/>
      <c r="CH12" s="865"/>
      <c r="CI12" s="866"/>
      <c r="CJ12" s="866"/>
      <c r="CK12" s="866"/>
      <c r="CL12" s="867"/>
      <c r="CM12" s="865"/>
      <c r="CN12" s="866"/>
      <c r="CO12" s="866"/>
      <c r="CP12" s="866"/>
      <c r="CQ12" s="867"/>
      <c r="CR12" s="865"/>
      <c r="CS12" s="866"/>
      <c r="CT12" s="866"/>
      <c r="CU12" s="866"/>
      <c r="CV12" s="867"/>
      <c r="CW12" s="865"/>
      <c r="CX12" s="866"/>
      <c r="CY12" s="866"/>
      <c r="CZ12" s="866"/>
      <c r="DA12" s="867"/>
      <c r="DB12" s="865"/>
      <c r="DC12" s="866"/>
      <c r="DD12" s="866"/>
      <c r="DE12" s="866"/>
      <c r="DF12" s="867"/>
      <c r="DG12" s="865"/>
      <c r="DH12" s="866"/>
      <c r="DI12" s="866"/>
      <c r="DJ12" s="866"/>
      <c r="DK12" s="867"/>
      <c r="DL12" s="865"/>
      <c r="DM12" s="866"/>
      <c r="DN12" s="866"/>
      <c r="DO12" s="866"/>
      <c r="DP12" s="867"/>
      <c r="DQ12" s="865"/>
      <c r="DR12" s="866"/>
      <c r="DS12" s="866"/>
      <c r="DT12" s="866"/>
      <c r="DU12" s="867"/>
      <c r="DV12" s="868"/>
      <c r="DW12" s="869"/>
      <c r="DX12" s="869"/>
      <c r="DY12" s="869"/>
      <c r="DZ12" s="870"/>
      <c r="EA12" s="255"/>
    </row>
    <row r="13" spans="1:131" s="256" customFormat="1" ht="26.25" customHeight="1" x14ac:dyDescent="0.2">
      <c r="A13" s="262">
        <v>
7</v>
      </c>
      <c r="B13" s="839"/>
      <c r="C13" s="840"/>
      <c r="D13" s="840"/>
      <c r="E13" s="840"/>
      <c r="F13" s="840"/>
      <c r="G13" s="840"/>
      <c r="H13" s="840"/>
      <c r="I13" s="840"/>
      <c r="J13" s="840"/>
      <c r="K13" s="840"/>
      <c r="L13" s="840"/>
      <c r="M13" s="840"/>
      <c r="N13" s="840"/>
      <c r="O13" s="840"/>
      <c r="P13" s="841"/>
      <c r="Q13" s="842"/>
      <c r="R13" s="843"/>
      <c r="S13" s="843"/>
      <c r="T13" s="843"/>
      <c r="U13" s="843"/>
      <c r="V13" s="843"/>
      <c r="W13" s="843"/>
      <c r="X13" s="843"/>
      <c r="Y13" s="843"/>
      <c r="Z13" s="843"/>
      <c r="AA13" s="843"/>
      <c r="AB13" s="843"/>
      <c r="AC13" s="843"/>
      <c r="AD13" s="843"/>
      <c r="AE13" s="844"/>
      <c r="AF13" s="845"/>
      <c r="AG13" s="846"/>
      <c r="AH13" s="846"/>
      <c r="AI13" s="846"/>
      <c r="AJ13" s="847"/>
      <c r="AK13" s="848"/>
      <c r="AL13" s="849"/>
      <c r="AM13" s="849"/>
      <c r="AN13" s="849"/>
      <c r="AO13" s="849"/>
      <c r="AP13" s="849"/>
      <c r="AQ13" s="849"/>
      <c r="AR13" s="849"/>
      <c r="AS13" s="849"/>
      <c r="AT13" s="849"/>
      <c r="AU13" s="850"/>
      <c r="AV13" s="850"/>
      <c r="AW13" s="850"/>
      <c r="AX13" s="850"/>
      <c r="AY13" s="851"/>
      <c r="AZ13" s="253"/>
      <c r="BA13" s="253"/>
      <c r="BB13" s="253"/>
      <c r="BC13" s="253"/>
      <c r="BD13" s="253"/>
      <c r="BE13" s="254"/>
      <c r="BF13" s="254"/>
      <c r="BG13" s="254"/>
      <c r="BH13" s="254"/>
      <c r="BI13" s="254"/>
      <c r="BJ13" s="254"/>
      <c r="BK13" s="254"/>
      <c r="BL13" s="254"/>
      <c r="BM13" s="254"/>
      <c r="BN13" s="254"/>
      <c r="BO13" s="254"/>
      <c r="BP13" s="254"/>
      <c r="BQ13" s="263">
        <v>
7</v>
      </c>
      <c r="BR13" s="264"/>
      <c r="BS13" s="852"/>
      <c r="BT13" s="853"/>
      <c r="BU13" s="853"/>
      <c r="BV13" s="853"/>
      <c r="BW13" s="853"/>
      <c r="BX13" s="853"/>
      <c r="BY13" s="853"/>
      <c r="BZ13" s="853"/>
      <c r="CA13" s="853"/>
      <c r="CB13" s="853"/>
      <c r="CC13" s="853"/>
      <c r="CD13" s="853"/>
      <c r="CE13" s="853"/>
      <c r="CF13" s="853"/>
      <c r="CG13" s="854"/>
      <c r="CH13" s="865"/>
      <c r="CI13" s="866"/>
      <c r="CJ13" s="866"/>
      <c r="CK13" s="866"/>
      <c r="CL13" s="867"/>
      <c r="CM13" s="865"/>
      <c r="CN13" s="866"/>
      <c r="CO13" s="866"/>
      <c r="CP13" s="866"/>
      <c r="CQ13" s="867"/>
      <c r="CR13" s="865"/>
      <c r="CS13" s="866"/>
      <c r="CT13" s="866"/>
      <c r="CU13" s="866"/>
      <c r="CV13" s="867"/>
      <c r="CW13" s="865"/>
      <c r="CX13" s="866"/>
      <c r="CY13" s="866"/>
      <c r="CZ13" s="866"/>
      <c r="DA13" s="867"/>
      <c r="DB13" s="865"/>
      <c r="DC13" s="866"/>
      <c r="DD13" s="866"/>
      <c r="DE13" s="866"/>
      <c r="DF13" s="867"/>
      <c r="DG13" s="865"/>
      <c r="DH13" s="866"/>
      <c r="DI13" s="866"/>
      <c r="DJ13" s="866"/>
      <c r="DK13" s="867"/>
      <c r="DL13" s="865"/>
      <c r="DM13" s="866"/>
      <c r="DN13" s="866"/>
      <c r="DO13" s="866"/>
      <c r="DP13" s="867"/>
      <c r="DQ13" s="865"/>
      <c r="DR13" s="866"/>
      <c r="DS13" s="866"/>
      <c r="DT13" s="866"/>
      <c r="DU13" s="867"/>
      <c r="DV13" s="868"/>
      <c r="DW13" s="869"/>
      <c r="DX13" s="869"/>
      <c r="DY13" s="869"/>
      <c r="DZ13" s="870"/>
      <c r="EA13" s="255"/>
    </row>
    <row r="14" spans="1:131" s="256" customFormat="1" ht="26.25" customHeight="1" x14ac:dyDescent="0.2">
      <c r="A14" s="262">
        <v>
8</v>
      </c>
      <c r="B14" s="839"/>
      <c r="C14" s="840"/>
      <c r="D14" s="840"/>
      <c r="E14" s="840"/>
      <c r="F14" s="840"/>
      <c r="G14" s="840"/>
      <c r="H14" s="840"/>
      <c r="I14" s="840"/>
      <c r="J14" s="840"/>
      <c r="K14" s="840"/>
      <c r="L14" s="840"/>
      <c r="M14" s="840"/>
      <c r="N14" s="840"/>
      <c r="O14" s="840"/>
      <c r="P14" s="841"/>
      <c r="Q14" s="842"/>
      <c r="R14" s="843"/>
      <c r="S14" s="843"/>
      <c r="T14" s="843"/>
      <c r="U14" s="843"/>
      <c r="V14" s="843"/>
      <c r="W14" s="843"/>
      <c r="X14" s="843"/>
      <c r="Y14" s="843"/>
      <c r="Z14" s="843"/>
      <c r="AA14" s="843"/>
      <c r="AB14" s="843"/>
      <c r="AC14" s="843"/>
      <c r="AD14" s="843"/>
      <c r="AE14" s="844"/>
      <c r="AF14" s="845"/>
      <c r="AG14" s="846"/>
      <c r="AH14" s="846"/>
      <c r="AI14" s="846"/>
      <c r="AJ14" s="847"/>
      <c r="AK14" s="848"/>
      <c r="AL14" s="849"/>
      <c r="AM14" s="849"/>
      <c r="AN14" s="849"/>
      <c r="AO14" s="849"/>
      <c r="AP14" s="849"/>
      <c r="AQ14" s="849"/>
      <c r="AR14" s="849"/>
      <c r="AS14" s="849"/>
      <c r="AT14" s="849"/>
      <c r="AU14" s="850"/>
      <c r="AV14" s="850"/>
      <c r="AW14" s="850"/>
      <c r="AX14" s="850"/>
      <c r="AY14" s="851"/>
      <c r="AZ14" s="253"/>
      <c r="BA14" s="253"/>
      <c r="BB14" s="253"/>
      <c r="BC14" s="253"/>
      <c r="BD14" s="253"/>
      <c r="BE14" s="254"/>
      <c r="BF14" s="254"/>
      <c r="BG14" s="254"/>
      <c r="BH14" s="254"/>
      <c r="BI14" s="254"/>
      <c r="BJ14" s="254"/>
      <c r="BK14" s="254"/>
      <c r="BL14" s="254"/>
      <c r="BM14" s="254"/>
      <c r="BN14" s="254"/>
      <c r="BO14" s="254"/>
      <c r="BP14" s="254"/>
      <c r="BQ14" s="263">
        <v>
8</v>
      </c>
      <c r="BR14" s="264"/>
      <c r="BS14" s="852"/>
      <c r="BT14" s="853"/>
      <c r="BU14" s="853"/>
      <c r="BV14" s="853"/>
      <c r="BW14" s="853"/>
      <c r="BX14" s="853"/>
      <c r="BY14" s="853"/>
      <c r="BZ14" s="853"/>
      <c r="CA14" s="853"/>
      <c r="CB14" s="853"/>
      <c r="CC14" s="853"/>
      <c r="CD14" s="853"/>
      <c r="CE14" s="853"/>
      <c r="CF14" s="853"/>
      <c r="CG14" s="854"/>
      <c r="CH14" s="865"/>
      <c r="CI14" s="866"/>
      <c r="CJ14" s="866"/>
      <c r="CK14" s="866"/>
      <c r="CL14" s="867"/>
      <c r="CM14" s="865"/>
      <c r="CN14" s="866"/>
      <c r="CO14" s="866"/>
      <c r="CP14" s="866"/>
      <c r="CQ14" s="867"/>
      <c r="CR14" s="865"/>
      <c r="CS14" s="866"/>
      <c r="CT14" s="866"/>
      <c r="CU14" s="866"/>
      <c r="CV14" s="867"/>
      <c r="CW14" s="865"/>
      <c r="CX14" s="866"/>
      <c r="CY14" s="866"/>
      <c r="CZ14" s="866"/>
      <c r="DA14" s="867"/>
      <c r="DB14" s="865"/>
      <c r="DC14" s="866"/>
      <c r="DD14" s="866"/>
      <c r="DE14" s="866"/>
      <c r="DF14" s="867"/>
      <c r="DG14" s="865"/>
      <c r="DH14" s="866"/>
      <c r="DI14" s="866"/>
      <c r="DJ14" s="866"/>
      <c r="DK14" s="867"/>
      <c r="DL14" s="865"/>
      <c r="DM14" s="866"/>
      <c r="DN14" s="866"/>
      <c r="DO14" s="866"/>
      <c r="DP14" s="867"/>
      <c r="DQ14" s="865"/>
      <c r="DR14" s="866"/>
      <c r="DS14" s="866"/>
      <c r="DT14" s="866"/>
      <c r="DU14" s="867"/>
      <c r="DV14" s="868"/>
      <c r="DW14" s="869"/>
      <c r="DX14" s="869"/>
      <c r="DY14" s="869"/>
      <c r="DZ14" s="870"/>
      <c r="EA14" s="255"/>
    </row>
    <row r="15" spans="1:131" s="256" customFormat="1" ht="26.25" customHeight="1" x14ac:dyDescent="0.2">
      <c r="A15" s="262">
        <v>
9</v>
      </c>
      <c r="B15" s="839"/>
      <c r="C15" s="840"/>
      <c r="D15" s="840"/>
      <c r="E15" s="840"/>
      <c r="F15" s="840"/>
      <c r="G15" s="840"/>
      <c r="H15" s="840"/>
      <c r="I15" s="840"/>
      <c r="J15" s="840"/>
      <c r="K15" s="840"/>
      <c r="L15" s="840"/>
      <c r="M15" s="840"/>
      <c r="N15" s="840"/>
      <c r="O15" s="840"/>
      <c r="P15" s="841"/>
      <c r="Q15" s="842"/>
      <c r="R15" s="843"/>
      <c r="S15" s="843"/>
      <c r="T15" s="843"/>
      <c r="U15" s="843"/>
      <c r="V15" s="843"/>
      <c r="W15" s="843"/>
      <c r="X15" s="843"/>
      <c r="Y15" s="843"/>
      <c r="Z15" s="843"/>
      <c r="AA15" s="843"/>
      <c r="AB15" s="843"/>
      <c r="AC15" s="843"/>
      <c r="AD15" s="843"/>
      <c r="AE15" s="844"/>
      <c r="AF15" s="845"/>
      <c r="AG15" s="846"/>
      <c r="AH15" s="846"/>
      <c r="AI15" s="846"/>
      <c r="AJ15" s="847"/>
      <c r="AK15" s="848"/>
      <c r="AL15" s="849"/>
      <c r="AM15" s="849"/>
      <c r="AN15" s="849"/>
      <c r="AO15" s="849"/>
      <c r="AP15" s="849"/>
      <c r="AQ15" s="849"/>
      <c r="AR15" s="849"/>
      <c r="AS15" s="849"/>
      <c r="AT15" s="849"/>
      <c r="AU15" s="850"/>
      <c r="AV15" s="850"/>
      <c r="AW15" s="850"/>
      <c r="AX15" s="850"/>
      <c r="AY15" s="851"/>
      <c r="AZ15" s="253"/>
      <c r="BA15" s="253"/>
      <c r="BB15" s="253"/>
      <c r="BC15" s="253"/>
      <c r="BD15" s="253"/>
      <c r="BE15" s="254"/>
      <c r="BF15" s="254"/>
      <c r="BG15" s="254"/>
      <c r="BH15" s="254"/>
      <c r="BI15" s="254"/>
      <c r="BJ15" s="254"/>
      <c r="BK15" s="254"/>
      <c r="BL15" s="254"/>
      <c r="BM15" s="254"/>
      <c r="BN15" s="254"/>
      <c r="BO15" s="254"/>
      <c r="BP15" s="254"/>
      <c r="BQ15" s="263">
        <v>
9</v>
      </c>
      <c r="BR15" s="264"/>
      <c r="BS15" s="852"/>
      <c r="BT15" s="853"/>
      <c r="BU15" s="853"/>
      <c r="BV15" s="853"/>
      <c r="BW15" s="853"/>
      <c r="BX15" s="853"/>
      <c r="BY15" s="853"/>
      <c r="BZ15" s="853"/>
      <c r="CA15" s="853"/>
      <c r="CB15" s="853"/>
      <c r="CC15" s="853"/>
      <c r="CD15" s="853"/>
      <c r="CE15" s="853"/>
      <c r="CF15" s="853"/>
      <c r="CG15" s="854"/>
      <c r="CH15" s="865"/>
      <c r="CI15" s="866"/>
      <c r="CJ15" s="866"/>
      <c r="CK15" s="866"/>
      <c r="CL15" s="867"/>
      <c r="CM15" s="865"/>
      <c r="CN15" s="866"/>
      <c r="CO15" s="866"/>
      <c r="CP15" s="866"/>
      <c r="CQ15" s="867"/>
      <c r="CR15" s="865"/>
      <c r="CS15" s="866"/>
      <c r="CT15" s="866"/>
      <c r="CU15" s="866"/>
      <c r="CV15" s="867"/>
      <c r="CW15" s="865"/>
      <c r="CX15" s="866"/>
      <c r="CY15" s="866"/>
      <c r="CZ15" s="866"/>
      <c r="DA15" s="867"/>
      <c r="DB15" s="865"/>
      <c r="DC15" s="866"/>
      <c r="DD15" s="866"/>
      <c r="DE15" s="866"/>
      <c r="DF15" s="867"/>
      <c r="DG15" s="865"/>
      <c r="DH15" s="866"/>
      <c r="DI15" s="866"/>
      <c r="DJ15" s="866"/>
      <c r="DK15" s="867"/>
      <c r="DL15" s="865"/>
      <c r="DM15" s="866"/>
      <c r="DN15" s="866"/>
      <c r="DO15" s="866"/>
      <c r="DP15" s="867"/>
      <c r="DQ15" s="865"/>
      <c r="DR15" s="866"/>
      <c r="DS15" s="866"/>
      <c r="DT15" s="866"/>
      <c r="DU15" s="867"/>
      <c r="DV15" s="868"/>
      <c r="DW15" s="869"/>
      <c r="DX15" s="869"/>
      <c r="DY15" s="869"/>
      <c r="DZ15" s="870"/>
      <c r="EA15" s="255"/>
    </row>
    <row r="16" spans="1:131" s="256" customFormat="1" ht="26.25" customHeight="1" x14ac:dyDescent="0.2">
      <c r="A16" s="262">
        <v>
10</v>
      </c>
      <c r="B16" s="839"/>
      <c r="C16" s="840"/>
      <c r="D16" s="840"/>
      <c r="E16" s="840"/>
      <c r="F16" s="840"/>
      <c r="G16" s="840"/>
      <c r="H16" s="840"/>
      <c r="I16" s="840"/>
      <c r="J16" s="840"/>
      <c r="K16" s="840"/>
      <c r="L16" s="840"/>
      <c r="M16" s="840"/>
      <c r="N16" s="840"/>
      <c r="O16" s="840"/>
      <c r="P16" s="841"/>
      <c r="Q16" s="842"/>
      <c r="R16" s="843"/>
      <c r="S16" s="843"/>
      <c r="T16" s="843"/>
      <c r="U16" s="843"/>
      <c r="V16" s="843"/>
      <c r="W16" s="843"/>
      <c r="X16" s="843"/>
      <c r="Y16" s="843"/>
      <c r="Z16" s="843"/>
      <c r="AA16" s="843"/>
      <c r="AB16" s="843"/>
      <c r="AC16" s="843"/>
      <c r="AD16" s="843"/>
      <c r="AE16" s="844"/>
      <c r="AF16" s="845"/>
      <c r="AG16" s="846"/>
      <c r="AH16" s="846"/>
      <c r="AI16" s="846"/>
      <c r="AJ16" s="847"/>
      <c r="AK16" s="848"/>
      <c r="AL16" s="849"/>
      <c r="AM16" s="849"/>
      <c r="AN16" s="849"/>
      <c r="AO16" s="849"/>
      <c r="AP16" s="849"/>
      <c r="AQ16" s="849"/>
      <c r="AR16" s="849"/>
      <c r="AS16" s="849"/>
      <c r="AT16" s="849"/>
      <c r="AU16" s="850"/>
      <c r="AV16" s="850"/>
      <c r="AW16" s="850"/>
      <c r="AX16" s="850"/>
      <c r="AY16" s="851"/>
      <c r="AZ16" s="253"/>
      <c r="BA16" s="253"/>
      <c r="BB16" s="253"/>
      <c r="BC16" s="253"/>
      <c r="BD16" s="253"/>
      <c r="BE16" s="254"/>
      <c r="BF16" s="254"/>
      <c r="BG16" s="254"/>
      <c r="BH16" s="254"/>
      <c r="BI16" s="254"/>
      <c r="BJ16" s="254"/>
      <c r="BK16" s="254"/>
      <c r="BL16" s="254"/>
      <c r="BM16" s="254"/>
      <c r="BN16" s="254"/>
      <c r="BO16" s="254"/>
      <c r="BP16" s="254"/>
      <c r="BQ16" s="263">
        <v>
10</v>
      </c>
      <c r="BR16" s="264"/>
      <c r="BS16" s="852"/>
      <c r="BT16" s="853"/>
      <c r="BU16" s="853"/>
      <c r="BV16" s="853"/>
      <c r="BW16" s="853"/>
      <c r="BX16" s="853"/>
      <c r="BY16" s="853"/>
      <c r="BZ16" s="853"/>
      <c r="CA16" s="853"/>
      <c r="CB16" s="853"/>
      <c r="CC16" s="853"/>
      <c r="CD16" s="853"/>
      <c r="CE16" s="853"/>
      <c r="CF16" s="853"/>
      <c r="CG16" s="854"/>
      <c r="CH16" s="865"/>
      <c r="CI16" s="866"/>
      <c r="CJ16" s="866"/>
      <c r="CK16" s="866"/>
      <c r="CL16" s="867"/>
      <c r="CM16" s="865"/>
      <c r="CN16" s="866"/>
      <c r="CO16" s="866"/>
      <c r="CP16" s="866"/>
      <c r="CQ16" s="867"/>
      <c r="CR16" s="865"/>
      <c r="CS16" s="866"/>
      <c r="CT16" s="866"/>
      <c r="CU16" s="866"/>
      <c r="CV16" s="867"/>
      <c r="CW16" s="865"/>
      <c r="CX16" s="866"/>
      <c r="CY16" s="866"/>
      <c r="CZ16" s="866"/>
      <c r="DA16" s="867"/>
      <c r="DB16" s="865"/>
      <c r="DC16" s="866"/>
      <c r="DD16" s="866"/>
      <c r="DE16" s="866"/>
      <c r="DF16" s="867"/>
      <c r="DG16" s="865"/>
      <c r="DH16" s="866"/>
      <c r="DI16" s="866"/>
      <c r="DJ16" s="866"/>
      <c r="DK16" s="867"/>
      <c r="DL16" s="865"/>
      <c r="DM16" s="866"/>
      <c r="DN16" s="866"/>
      <c r="DO16" s="866"/>
      <c r="DP16" s="867"/>
      <c r="DQ16" s="865"/>
      <c r="DR16" s="866"/>
      <c r="DS16" s="866"/>
      <c r="DT16" s="866"/>
      <c r="DU16" s="867"/>
      <c r="DV16" s="868"/>
      <c r="DW16" s="869"/>
      <c r="DX16" s="869"/>
      <c r="DY16" s="869"/>
      <c r="DZ16" s="870"/>
      <c r="EA16" s="255"/>
    </row>
    <row r="17" spans="1:131" s="256" customFormat="1" ht="26.25" customHeight="1" x14ac:dyDescent="0.2">
      <c r="A17" s="262">
        <v>
11</v>
      </c>
      <c r="B17" s="839"/>
      <c r="C17" s="840"/>
      <c r="D17" s="840"/>
      <c r="E17" s="840"/>
      <c r="F17" s="840"/>
      <c r="G17" s="840"/>
      <c r="H17" s="840"/>
      <c r="I17" s="840"/>
      <c r="J17" s="840"/>
      <c r="K17" s="840"/>
      <c r="L17" s="840"/>
      <c r="M17" s="840"/>
      <c r="N17" s="840"/>
      <c r="O17" s="840"/>
      <c r="P17" s="841"/>
      <c r="Q17" s="842"/>
      <c r="R17" s="843"/>
      <c r="S17" s="843"/>
      <c r="T17" s="843"/>
      <c r="U17" s="843"/>
      <c r="V17" s="843"/>
      <c r="W17" s="843"/>
      <c r="X17" s="843"/>
      <c r="Y17" s="843"/>
      <c r="Z17" s="843"/>
      <c r="AA17" s="843"/>
      <c r="AB17" s="843"/>
      <c r="AC17" s="843"/>
      <c r="AD17" s="843"/>
      <c r="AE17" s="844"/>
      <c r="AF17" s="845"/>
      <c r="AG17" s="846"/>
      <c r="AH17" s="846"/>
      <c r="AI17" s="846"/>
      <c r="AJ17" s="847"/>
      <c r="AK17" s="848"/>
      <c r="AL17" s="849"/>
      <c r="AM17" s="849"/>
      <c r="AN17" s="849"/>
      <c r="AO17" s="849"/>
      <c r="AP17" s="849"/>
      <c r="AQ17" s="849"/>
      <c r="AR17" s="849"/>
      <c r="AS17" s="849"/>
      <c r="AT17" s="849"/>
      <c r="AU17" s="850"/>
      <c r="AV17" s="850"/>
      <c r="AW17" s="850"/>
      <c r="AX17" s="850"/>
      <c r="AY17" s="851"/>
      <c r="AZ17" s="253"/>
      <c r="BA17" s="253"/>
      <c r="BB17" s="253"/>
      <c r="BC17" s="253"/>
      <c r="BD17" s="253"/>
      <c r="BE17" s="254"/>
      <c r="BF17" s="254"/>
      <c r="BG17" s="254"/>
      <c r="BH17" s="254"/>
      <c r="BI17" s="254"/>
      <c r="BJ17" s="254"/>
      <c r="BK17" s="254"/>
      <c r="BL17" s="254"/>
      <c r="BM17" s="254"/>
      <c r="BN17" s="254"/>
      <c r="BO17" s="254"/>
      <c r="BP17" s="254"/>
      <c r="BQ17" s="263">
        <v>
11</v>
      </c>
      <c r="BR17" s="264"/>
      <c r="BS17" s="852"/>
      <c r="BT17" s="853"/>
      <c r="BU17" s="853"/>
      <c r="BV17" s="853"/>
      <c r="BW17" s="853"/>
      <c r="BX17" s="853"/>
      <c r="BY17" s="853"/>
      <c r="BZ17" s="853"/>
      <c r="CA17" s="853"/>
      <c r="CB17" s="853"/>
      <c r="CC17" s="853"/>
      <c r="CD17" s="853"/>
      <c r="CE17" s="853"/>
      <c r="CF17" s="853"/>
      <c r="CG17" s="854"/>
      <c r="CH17" s="865"/>
      <c r="CI17" s="866"/>
      <c r="CJ17" s="866"/>
      <c r="CK17" s="866"/>
      <c r="CL17" s="867"/>
      <c r="CM17" s="865"/>
      <c r="CN17" s="866"/>
      <c r="CO17" s="866"/>
      <c r="CP17" s="866"/>
      <c r="CQ17" s="867"/>
      <c r="CR17" s="865"/>
      <c r="CS17" s="866"/>
      <c r="CT17" s="866"/>
      <c r="CU17" s="866"/>
      <c r="CV17" s="867"/>
      <c r="CW17" s="865"/>
      <c r="CX17" s="866"/>
      <c r="CY17" s="866"/>
      <c r="CZ17" s="866"/>
      <c r="DA17" s="867"/>
      <c r="DB17" s="865"/>
      <c r="DC17" s="866"/>
      <c r="DD17" s="866"/>
      <c r="DE17" s="866"/>
      <c r="DF17" s="867"/>
      <c r="DG17" s="865"/>
      <c r="DH17" s="866"/>
      <c r="DI17" s="866"/>
      <c r="DJ17" s="866"/>
      <c r="DK17" s="867"/>
      <c r="DL17" s="865"/>
      <c r="DM17" s="866"/>
      <c r="DN17" s="866"/>
      <c r="DO17" s="866"/>
      <c r="DP17" s="867"/>
      <c r="DQ17" s="865"/>
      <c r="DR17" s="866"/>
      <c r="DS17" s="866"/>
      <c r="DT17" s="866"/>
      <c r="DU17" s="867"/>
      <c r="DV17" s="868"/>
      <c r="DW17" s="869"/>
      <c r="DX17" s="869"/>
      <c r="DY17" s="869"/>
      <c r="DZ17" s="870"/>
      <c r="EA17" s="255"/>
    </row>
    <row r="18" spans="1:131" s="256" customFormat="1" ht="26.25" customHeight="1" x14ac:dyDescent="0.2">
      <c r="A18" s="262">
        <v>
12</v>
      </c>
      <c r="B18" s="839"/>
      <c r="C18" s="840"/>
      <c r="D18" s="840"/>
      <c r="E18" s="840"/>
      <c r="F18" s="840"/>
      <c r="G18" s="840"/>
      <c r="H18" s="840"/>
      <c r="I18" s="840"/>
      <c r="J18" s="840"/>
      <c r="K18" s="840"/>
      <c r="L18" s="840"/>
      <c r="M18" s="840"/>
      <c r="N18" s="840"/>
      <c r="O18" s="840"/>
      <c r="P18" s="841"/>
      <c r="Q18" s="842"/>
      <c r="R18" s="843"/>
      <c r="S18" s="843"/>
      <c r="T18" s="843"/>
      <c r="U18" s="843"/>
      <c r="V18" s="843"/>
      <c r="W18" s="843"/>
      <c r="X18" s="843"/>
      <c r="Y18" s="843"/>
      <c r="Z18" s="843"/>
      <c r="AA18" s="843"/>
      <c r="AB18" s="843"/>
      <c r="AC18" s="843"/>
      <c r="AD18" s="843"/>
      <c r="AE18" s="844"/>
      <c r="AF18" s="845"/>
      <c r="AG18" s="846"/>
      <c r="AH18" s="846"/>
      <c r="AI18" s="846"/>
      <c r="AJ18" s="847"/>
      <c r="AK18" s="848"/>
      <c r="AL18" s="849"/>
      <c r="AM18" s="849"/>
      <c r="AN18" s="849"/>
      <c r="AO18" s="849"/>
      <c r="AP18" s="849"/>
      <c r="AQ18" s="849"/>
      <c r="AR18" s="849"/>
      <c r="AS18" s="849"/>
      <c r="AT18" s="849"/>
      <c r="AU18" s="850"/>
      <c r="AV18" s="850"/>
      <c r="AW18" s="850"/>
      <c r="AX18" s="850"/>
      <c r="AY18" s="851"/>
      <c r="AZ18" s="253"/>
      <c r="BA18" s="253"/>
      <c r="BB18" s="253"/>
      <c r="BC18" s="253"/>
      <c r="BD18" s="253"/>
      <c r="BE18" s="254"/>
      <c r="BF18" s="254"/>
      <c r="BG18" s="254"/>
      <c r="BH18" s="254"/>
      <c r="BI18" s="254"/>
      <c r="BJ18" s="254"/>
      <c r="BK18" s="254"/>
      <c r="BL18" s="254"/>
      <c r="BM18" s="254"/>
      <c r="BN18" s="254"/>
      <c r="BO18" s="254"/>
      <c r="BP18" s="254"/>
      <c r="BQ18" s="263">
        <v>
12</v>
      </c>
      <c r="BR18" s="264"/>
      <c r="BS18" s="852"/>
      <c r="BT18" s="853"/>
      <c r="BU18" s="853"/>
      <c r="BV18" s="853"/>
      <c r="BW18" s="853"/>
      <c r="BX18" s="853"/>
      <c r="BY18" s="853"/>
      <c r="BZ18" s="853"/>
      <c r="CA18" s="853"/>
      <c r="CB18" s="853"/>
      <c r="CC18" s="853"/>
      <c r="CD18" s="853"/>
      <c r="CE18" s="853"/>
      <c r="CF18" s="853"/>
      <c r="CG18" s="854"/>
      <c r="CH18" s="865"/>
      <c r="CI18" s="866"/>
      <c r="CJ18" s="866"/>
      <c r="CK18" s="866"/>
      <c r="CL18" s="867"/>
      <c r="CM18" s="865"/>
      <c r="CN18" s="866"/>
      <c r="CO18" s="866"/>
      <c r="CP18" s="866"/>
      <c r="CQ18" s="867"/>
      <c r="CR18" s="865"/>
      <c r="CS18" s="866"/>
      <c r="CT18" s="866"/>
      <c r="CU18" s="866"/>
      <c r="CV18" s="867"/>
      <c r="CW18" s="865"/>
      <c r="CX18" s="866"/>
      <c r="CY18" s="866"/>
      <c r="CZ18" s="866"/>
      <c r="DA18" s="867"/>
      <c r="DB18" s="865"/>
      <c r="DC18" s="866"/>
      <c r="DD18" s="866"/>
      <c r="DE18" s="866"/>
      <c r="DF18" s="867"/>
      <c r="DG18" s="865"/>
      <c r="DH18" s="866"/>
      <c r="DI18" s="866"/>
      <c r="DJ18" s="866"/>
      <c r="DK18" s="867"/>
      <c r="DL18" s="865"/>
      <c r="DM18" s="866"/>
      <c r="DN18" s="866"/>
      <c r="DO18" s="866"/>
      <c r="DP18" s="867"/>
      <c r="DQ18" s="865"/>
      <c r="DR18" s="866"/>
      <c r="DS18" s="866"/>
      <c r="DT18" s="866"/>
      <c r="DU18" s="867"/>
      <c r="DV18" s="868"/>
      <c r="DW18" s="869"/>
      <c r="DX18" s="869"/>
      <c r="DY18" s="869"/>
      <c r="DZ18" s="870"/>
      <c r="EA18" s="255"/>
    </row>
    <row r="19" spans="1:131" s="256" customFormat="1" ht="26.25" customHeight="1" x14ac:dyDescent="0.2">
      <c r="A19" s="262">
        <v>
13</v>
      </c>
      <c r="B19" s="839"/>
      <c r="C19" s="840"/>
      <c r="D19" s="840"/>
      <c r="E19" s="840"/>
      <c r="F19" s="840"/>
      <c r="G19" s="840"/>
      <c r="H19" s="840"/>
      <c r="I19" s="840"/>
      <c r="J19" s="840"/>
      <c r="K19" s="840"/>
      <c r="L19" s="840"/>
      <c r="M19" s="840"/>
      <c r="N19" s="840"/>
      <c r="O19" s="840"/>
      <c r="P19" s="841"/>
      <c r="Q19" s="842"/>
      <c r="R19" s="843"/>
      <c r="S19" s="843"/>
      <c r="T19" s="843"/>
      <c r="U19" s="843"/>
      <c r="V19" s="843"/>
      <c r="W19" s="843"/>
      <c r="X19" s="843"/>
      <c r="Y19" s="843"/>
      <c r="Z19" s="843"/>
      <c r="AA19" s="843"/>
      <c r="AB19" s="843"/>
      <c r="AC19" s="843"/>
      <c r="AD19" s="843"/>
      <c r="AE19" s="844"/>
      <c r="AF19" s="845"/>
      <c r="AG19" s="846"/>
      <c r="AH19" s="846"/>
      <c r="AI19" s="846"/>
      <c r="AJ19" s="847"/>
      <c r="AK19" s="848"/>
      <c r="AL19" s="849"/>
      <c r="AM19" s="849"/>
      <c r="AN19" s="849"/>
      <c r="AO19" s="849"/>
      <c r="AP19" s="849"/>
      <c r="AQ19" s="849"/>
      <c r="AR19" s="849"/>
      <c r="AS19" s="849"/>
      <c r="AT19" s="849"/>
      <c r="AU19" s="850"/>
      <c r="AV19" s="850"/>
      <c r="AW19" s="850"/>
      <c r="AX19" s="850"/>
      <c r="AY19" s="851"/>
      <c r="AZ19" s="253"/>
      <c r="BA19" s="253"/>
      <c r="BB19" s="253"/>
      <c r="BC19" s="253"/>
      <c r="BD19" s="253"/>
      <c r="BE19" s="254"/>
      <c r="BF19" s="254"/>
      <c r="BG19" s="254"/>
      <c r="BH19" s="254"/>
      <c r="BI19" s="254"/>
      <c r="BJ19" s="254"/>
      <c r="BK19" s="254"/>
      <c r="BL19" s="254"/>
      <c r="BM19" s="254"/>
      <c r="BN19" s="254"/>
      <c r="BO19" s="254"/>
      <c r="BP19" s="254"/>
      <c r="BQ19" s="263">
        <v>
13</v>
      </c>
      <c r="BR19" s="264"/>
      <c r="BS19" s="852"/>
      <c r="BT19" s="853"/>
      <c r="BU19" s="853"/>
      <c r="BV19" s="853"/>
      <c r="BW19" s="853"/>
      <c r="BX19" s="853"/>
      <c r="BY19" s="853"/>
      <c r="BZ19" s="853"/>
      <c r="CA19" s="853"/>
      <c r="CB19" s="853"/>
      <c r="CC19" s="853"/>
      <c r="CD19" s="853"/>
      <c r="CE19" s="853"/>
      <c r="CF19" s="853"/>
      <c r="CG19" s="854"/>
      <c r="CH19" s="865"/>
      <c r="CI19" s="866"/>
      <c r="CJ19" s="866"/>
      <c r="CK19" s="866"/>
      <c r="CL19" s="867"/>
      <c r="CM19" s="865"/>
      <c r="CN19" s="866"/>
      <c r="CO19" s="866"/>
      <c r="CP19" s="866"/>
      <c r="CQ19" s="867"/>
      <c r="CR19" s="865"/>
      <c r="CS19" s="866"/>
      <c r="CT19" s="866"/>
      <c r="CU19" s="866"/>
      <c r="CV19" s="867"/>
      <c r="CW19" s="865"/>
      <c r="CX19" s="866"/>
      <c r="CY19" s="866"/>
      <c r="CZ19" s="866"/>
      <c r="DA19" s="867"/>
      <c r="DB19" s="865"/>
      <c r="DC19" s="866"/>
      <c r="DD19" s="866"/>
      <c r="DE19" s="866"/>
      <c r="DF19" s="867"/>
      <c r="DG19" s="865"/>
      <c r="DH19" s="866"/>
      <c r="DI19" s="866"/>
      <c r="DJ19" s="866"/>
      <c r="DK19" s="867"/>
      <c r="DL19" s="865"/>
      <c r="DM19" s="866"/>
      <c r="DN19" s="866"/>
      <c r="DO19" s="866"/>
      <c r="DP19" s="867"/>
      <c r="DQ19" s="865"/>
      <c r="DR19" s="866"/>
      <c r="DS19" s="866"/>
      <c r="DT19" s="866"/>
      <c r="DU19" s="867"/>
      <c r="DV19" s="868"/>
      <c r="DW19" s="869"/>
      <c r="DX19" s="869"/>
      <c r="DY19" s="869"/>
      <c r="DZ19" s="870"/>
      <c r="EA19" s="255"/>
    </row>
    <row r="20" spans="1:131" s="256" customFormat="1" ht="26.25" customHeight="1" x14ac:dyDescent="0.2">
      <c r="A20" s="262">
        <v>
14</v>
      </c>
      <c r="B20" s="839"/>
      <c r="C20" s="840"/>
      <c r="D20" s="840"/>
      <c r="E20" s="840"/>
      <c r="F20" s="840"/>
      <c r="G20" s="840"/>
      <c r="H20" s="840"/>
      <c r="I20" s="840"/>
      <c r="J20" s="840"/>
      <c r="K20" s="840"/>
      <c r="L20" s="840"/>
      <c r="M20" s="840"/>
      <c r="N20" s="840"/>
      <c r="O20" s="840"/>
      <c r="P20" s="841"/>
      <c r="Q20" s="842"/>
      <c r="R20" s="843"/>
      <c r="S20" s="843"/>
      <c r="T20" s="843"/>
      <c r="U20" s="843"/>
      <c r="V20" s="843"/>
      <c r="W20" s="843"/>
      <c r="X20" s="843"/>
      <c r="Y20" s="843"/>
      <c r="Z20" s="843"/>
      <c r="AA20" s="843"/>
      <c r="AB20" s="843"/>
      <c r="AC20" s="843"/>
      <c r="AD20" s="843"/>
      <c r="AE20" s="844"/>
      <c r="AF20" s="845"/>
      <c r="AG20" s="846"/>
      <c r="AH20" s="846"/>
      <c r="AI20" s="846"/>
      <c r="AJ20" s="847"/>
      <c r="AK20" s="848"/>
      <c r="AL20" s="849"/>
      <c r="AM20" s="849"/>
      <c r="AN20" s="849"/>
      <c r="AO20" s="849"/>
      <c r="AP20" s="849"/>
      <c r="AQ20" s="849"/>
      <c r="AR20" s="849"/>
      <c r="AS20" s="849"/>
      <c r="AT20" s="849"/>
      <c r="AU20" s="850"/>
      <c r="AV20" s="850"/>
      <c r="AW20" s="850"/>
      <c r="AX20" s="850"/>
      <c r="AY20" s="851"/>
      <c r="AZ20" s="253"/>
      <c r="BA20" s="253"/>
      <c r="BB20" s="253"/>
      <c r="BC20" s="253"/>
      <c r="BD20" s="253"/>
      <c r="BE20" s="254"/>
      <c r="BF20" s="254"/>
      <c r="BG20" s="254"/>
      <c r="BH20" s="254"/>
      <c r="BI20" s="254"/>
      <c r="BJ20" s="254"/>
      <c r="BK20" s="254"/>
      <c r="BL20" s="254"/>
      <c r="BM20" s="254"/>
      <c r="BN20" s="254"/>
      <c r="BO20" s="254"/>
      <c r="BP20" s="254"/>
      <c r="BQ20" s="263">
        <v>
14</v>
      </c>
      <c r="BR20" s="264"/>
      <c r="BS20" s="852"/>
      <c r="BT20" s="853"/>
      <c r="BU20" s="853"/>
      <c r="BV20" s="853"/>
      <c r="BW20" s="853"/>
      <c r="BX20" s="853"/>
      <c r="BY20" s="853"/>
      <c r="BZ20" s="853"/>
      <c r="CA20" s="853"/>
      <c r="CB20" s="853"/>
      <c r="CC20" s="853"/>
      <c r="CD20" s="853"/>
      <c r="CE20" s="853"/>
      <c r="CF20" s="853"/>
      <c r="CG20" s="854"/>
      <c r="CH20" s="865"/>
      <c r="CI20" s="866"/>
      <c r="CJ20" s="866"/>
      <c r="CK20" s="866"/>
      <c r="CL20" s="867"/>
      <c r="CM20" s="865"/>
      <c r="CN20" s="866"/>
      <c r="CO20" s="866"/>
      <c r="CP20" s="866"/>
      <c r="CQ20" s="867"/>
      <c r="CR20" s="865"/>
      <c r="CS20" s="866"/>
      <c r="CT20" s="866"/>
      <c r="CU20" s="866"/>
      <c r="CV20" s="867"/>
      <c r="CW20" s="865"/>
      <c r="CX20" s="866"/>
      <c r="CY20" s="866"/>
      <c r="CZ20" s="866"/>
      <c r="DA20" s="867"/>
      <c r="DB20" s="865"/>
      <c r="DC20" s="866"/>
      <c r="DD20" s="866"/>
      <c r="DE20" s="866"/>
      <c r="DF20" s="867"/>
      <c r="DG20" s="865"/>
      <c r="DH20" s="866"/>
      <c r="DI20" s="866"/>
      <c r="DJ20" s="866"/>
      <c r="DK20" s="867"/>
      <c r="DL20" s="865"/>
      <c r="DM20" s="866"/>
      <c r="DN20" s="866"/>
      <c r="DO20" s="866"/>
      <c r="DP20" s="867"/>
      <c r="DQ20" s="865"/>
      <c r="DR20" s="866"/>
      <c r="DS20" s="866"/>
      <c r="DT20" s="866"/>
      <c r="DU20" s="867"/>
      <c r="DV20" s="868"/>
      <c r="DW20" s="869"/>
      <c r="DX20" s="869"/>
      <c r="DY20" s="869"/>
      <c r="DZ20" s="870"/>
      <c r="EA20" s="255"/>
    </row>
    <row r="21" spans="1:131" s="256" customFormat="1" ht="26.25" customHeight="1" thickBot="1" x14ac:dyDescent="0.25">
      <c r="A21" s="262">
        <v>
15</v>
      </c>
      <c r="B21" s="839"/>
      <c r="C21" s="840"/>
      <c r="D21" s="840"/>
      <c r="E21" s="840"/>
      <c r="F21" s="840"/>
      <c r="G21" s="840"/>
      <c r="H21" s="840"/>
      <c r="I21" s="840"/>
      <c r="J21" s="840"/>
      <c r="K21" s="840"/>
      <c r="L21" s="840"/>
      <c r="M21" s="840"/>
      <c r="N21" s="840"/>
      <c r="O21" s="840"/>
      <c r="P21" s="841"/>
      <c r="Q21" s="842"/>
      <c r="R21" s="843"/>
      <c r="S21" s="843"/>
      <c r="T21" s="843"/>
      <c r="U21" s="843"/>
      <c r="V21" s="843"/>
      <c r="W21" s="843"/>
      <c r="X21" s="843"/>
      <c r="Y21" s="843"/>
      <c r="Z21" s="843"/>
      <c r="AA21" s="843"/>
      <c r="AB21" s="843"/>
      <c r="AC21" s="843"/>
      <c r="AD21" s="843"/>
      <c r="AE21" s="844"/>
      <c r="AF21" s="845"/>
      <c r="AG21" s="846"/>
      <c r="AH21" s="846"/>
      <c r="AI21" s="846"/>
      <c r="AJ21" s="847"/>
      <c r="AK21" s="848"/>
      <c r="AL21" s="849"/>
      <c r="AM21" s="849"/>
      <c r="AN21" s="849"/>
      <c r="AO21" s="849"/>
      <c r="AP21" s="849"/>
      <c r="AQ21" s="849"/>
      <c r="AR21" s="849"/>
      <c r="AS21" s="849"/>
      <c r="AT21" s="849"/>
      <c r="AU21" s="850"/>
      <c r="AV21" s="850"/>
      <c r="AW21" s="850"/>
      <c r="AX21" s="850"/>
      <c r="AY21" s="851"/>
      <c r="AZ21" s="253"/>
      <c r="BA21" s="253"/>
      <c r="BB21" s="253"/>
      <c r="BC21" s="253"/>
      <c r="BD21" s="253"/>
      <c r="BE21" s="254"/>
      <c r="BF21" s="254"/>
      <c r="BG21" s="254"/>
      <c r="BH21" s="254"/>
      <c r="BI21" s="254"/>
      <c r="BJ21" s="254"/>
      <c r="BK21" s="254"/>
      <c r="BL21" s="254"/>
      <c r="BM21" s="254"/>
      <c r="BN21" s="254"/>
      <c r="BO21" s="254"/>
      <c r="BP21" s="254"/>
      <c r="BQ21" s="263">
        <v>
15</v>
      </c>
      <c r="BR21" s="264"/>
      <c r="BS21" s="852"/>
      <c r="BT21" s="853"/>
      <c r="BU21" s="853"/>
      <c r="BV21" s="853"/>
      <c r="BW21" s="853"/>
      <c r="BX21" s="853"/>
      <c r="BY21" s="853"/>
      <c r="BZ21" s="853"/>
      <c r="CA21" s="853"/>
      <c r="CB21" s="853"/>
      <c r="CC21" s="853"/>
      <c r="CD21" s="853"/>
      <c r="CE21" s="853"/>
      <c r="CF21" s="853"/>
      <c r="CG21" s="854"/>
      <c r="CH21" s="865"/>
      <c r="CI21" s="866"/>
      <c r="CJ21" s="866"/>
      <c r="CK21" s="866"/>
      <c r="CL21" s="867"/>
      <c r="CM21" s="865"/>
      <c r="CN21" s="866"/>
      <c r="CO21" s="866"/>
      <c r="CP21" s="866"/>
      <c r="CQ21" s="867"/>
      <c r="CR21" s="865"/>
      <c r="CS21" s="866"/>
      <c r="CT21" s="866"/>
      <c r="CU21" s="866"/>
      <c r="CV21" s="867"/>
      <c r="CW21" s="865"/>
      <c r="CX21" s="866"/>
      <c r="CY21" s="866"/>
      <c r="CZ21" s="866"/>
      <c r="DA21" s="867"/>
      <c r="DB21" s="865"/>
      <c r="DC21" s="866"/>
      <c r="DD21" s="866"/>
      <c r="DE21" s="866"/>
      <c r="DF21" s="867"/>
      <c r="DG21" s="865"/>
      <c r="DH21" s="866"/>
      <c r="DI21" s="866"/>
      <c r="DJ21" s="866"/>
      <c r="DK21" s="867"/>
      <c r="DL21" s="865"/>
      <c r="DM21" s="866"/>
      <c r="DN21" s="866"/>
      <c r="DO21" s="866"/>
      <c r="DP21" s="867"/>
      <c r="DQ21" s="865"/>
      <c r="DR21" s="866"/>
      <c r="DS21" s="866"/>
      <c r="DT21" s="866"/>
      <c r="DU21" s="867"/>
      <c r="DV21" s="868"/>
      <c r="DW21" s="869"/>
      <c r="DX21" s="869"/>
      <c r="DY21" s="869"/>
      <c r="DZ21" s="870"/>
      <c r="EA21" s="255"/>
    </row>
    <row r="22" spans="1:131" s="256" customFormat="1" ht="26.25" customHeight="1" x14ac:dyDescent="0.2">
      <c r="A22" s="262">
        <v>
16</v>
      </c>
      <c r="B22" s="839"/>
      <c r="C22" s="840"/>
      <c r="D22" s="840"/>
      <c r="E22" s="840"/>
      <c r="F22" s="840"/>
      <c r="G22" s="840"/>
      <c r="H22" s="840"/>
      <c r="I22" s="840"/>
      <c r="J22" s="840"/>
      <c r="K22" s="840"/>
      <c r="L22" s="840"/>
      <c r="M22" s="840"/>
      <c r="N22" s="840"/>
      <c r="O22" s="840"/>
      <c r="P22" s="841"/>
      <c r="Q22" s="871"/>
      <c r="R22" s="872"/>
      <c r="S22" s="872"/>
      <c r="T22" s="872"/>
      <c r="U22" s="872"/>
      <c r="V22" s="872"/>
      <c r="W22" s="872"/>
      <c r="X22" s="872"/>
      <c r="Y22" s="872"/>
      <c r="Z22" s="872"/>
      <c r="AA22" s="872"/>
      <c r="AB22" s="872"/>
      <c r="AC22" s="872"/>
      <c r="AD22" s="872"/>
      <c r="AE22" s="873"/>
      <c r="AF22" s="845"/>
      <c r="AG22" s="846"/>
      <c r="AH22" s="846"/>
      <c r="AI22" s="846"/>
      <c r="AJ22" s="847"/>
      <c r="AK22" s="886"/>
      <c r="AL22" s="887"/>
      <c r="AM22" s="887"/>
      <c r="AN22" s="887"/>
      <c r="AO22" s="887"/>
      <c r="AP22" s="887"/>
      <c r="AQ22" s="887"/>
      <c r="AR22" s="887"/>
      <c r="AS22" s="887"/>
      <c r="AT22" s="887"/>
      <c r="AU22" s="888"/>
      <c r="AV22" s="888"/>
      <c r="AW22" s="888"/>
      <c r="AX22" s="888"/>
      <c r="AY22" s="889"/>
      <c r="AZ22" s="890" t="s">
        <v>
397</v>
      </c>
      <c r="BA22" s="890"/>
      <c r="BB22" s="890"/>
      <c r="BC22" s="890"/>
      <c r="BD22" s="891"/>
      <c r="BE22" s="254"/>
      <c r="BF22" s="254"/>
      <c r="BG22" s="254"/>
      <c r="BH22" s="254"/>
      <c r="BI22" s="254"/>
      <c r="BJ22" s="254"/>
      <c r="BK22" s="254"/>
      <c r="BL22" s="254"/>
      <c r="BM22" s="254"/>
      <c r="BN22" s="254"/>
      <c r="BO22" s="254"/>
      <c r="BP22" s="254"/>
      <c r="BQ22" s="263">
        <v>
16</v>
      </c>
      <c r="BR22" s="264"/>
      <c r="BS22" s="852"/>
      <c r="BT22" s="853"/>
      <c r="BU22" s="853"/>
      <c r="BV22" s="853"/>
      <c r="BW22" s="853"/>
      <c r="BX22" s="853"/>
      <c r="BY22" s="853"/>
      <c r="BZ22" s="853"/>
      <c r="CA22" s="853"/>
      <c r="CB22" s="853"/>
      <c r="CC22" s="853"/>
      <c r="CD22" s="853"/>
      <c r="CE22" s="853"/>
      <c r="CF22" s="853"/>
      <c r="CG22" s="854"/>
      <c r="CH22" s="865"/>
      <c r="CI22" s="866"/>
      <c r="CJ22" s="866"/>
      <c r="CK22" s="866"/>
      <c r="CL22" s="867"/>
      <c r="CM22" s="865"/>
      <c r="CN22" s="866"/>
      <c r="CO22" s="866"/>
      <c r="CP22" s="866"/>
      <c r="CQ22" s="867"/>
      <c r="CR22" s="865"/>
      <c r="CS22" s="866"/>
      <c r="CT22" s="866"/>
      <c r="CU22" s="866"/>
      <c r="CV22" s="867"/>
      <c r="CW22" s="865"/>
      <c r="CX22" s="866"/>
      <c r="CY22" s="866"/>
      <c r="CZ22" s="866"/>
      <c r="DA22" s="867"/>
      <c r="DB22" s="865"/>
      <c r="DC22" s="866"/>
      <c r="DD22" s="866"/>
      <c r="DE22" s="866"/>
      <c r="DF22" s="867"/>
      <c r="DG22" s="865"/>
      <c r="DH22" s="866"/>
      <c r="DI22" s="866"/>
      <c r="DJ22" s="866"/>
      <c r="DK22" s="867"/>
      <c r="DL22" s="865"/>
      <c r="DM22" s="866"/>
      <c r="DN22" s="866"/>
      <c r="DO22" s="866"/>
      <c r="DP22" s="867"/>
      <c r="DQ22" s="865"/>
      <c r="DR22" s="866"/>
      <c r="DS22" s="866"/>
      <c r="DT22" s="866"/>
      <c r="DU22" s="867"/>
      <c r="DV22" s="868"/>
      <c r="DW22" s="869"/>
      <c r="DX22" s="869"/>
      <c r="DY22" s="869"/>
      <c r="DZ22" s="870"/>
      <c r="EA22" s="255"/>
    </row>
    <row r="23" spans="1:131" s="256" customFormat="1" ht="26.25" customHeight="1" thickBot="1" x14ac:dyDescent="0.25">
      <c r="A23" s="265" t="s">
        <v>
398</v>
      </c>
      <c r="B23" s="874" t="s">
        <v>
399</v>
      </c>
      <c r="C23" s="875"/>
      <c r="D23" s="875"/>
      <c r="E23" s="875"/>
      <c r="F23" s="875"/>
      <c r="G23" s="875"/>
      <c r="H23" s="875"/>
      <c r="I23" s="875"/>
      <c r="J23" s="875"/>
      <c r="K23" s="875"/>
      <c r="L23" s="875"/>
      <c r="M23" s="875"/>
      <c r="N23" s="875"/>
      <c r="O23" s="875"/>
      <c r="P23" s="876"/>
      <c r="Q23" s="877">
        <v>
149810</v>
      </c>
      <c r="R23" s="878"/>
      <c r="S23" s="878"/>
      <c r="T23" s="878"/>
      <c r="U23" s="878"/>
      <c r="V23" s="878">
        <v>
146235</v>
      </c>
      <c r="W23" s="878"/>
      <c r="X23" s="878"/>
      <c r="Y23" s="878"/>
      <c r="Z23" s="878"/>
      <c r="AA23" s="878">
        <v>
3575</v>
      </c>
      <c r="AB23" s="878"/>
      <c r="AC23" s="878"/>
      <c r="AD23" s="878"/>
      <c r="AE23" s="879"/>
      <c r="AF23" s="880">
        <v>
3412</v>
      </c>
      <c r="AG23" s="878"/>
      <c r="AH23" s="878"/>
      <c r="AI23" s="878"/>
      <c r="AJ23" s="881"/>
      <c r="AK23" s="882"/>
      <c r="AL23" s="883"/>
      <c r="AM23" s="883"/>
      <c r="AN23" s="883"/>
      <c r="AO23" s="883"/>
      <c r="AP23" s="878">
        <v>
18638</v>
      </c>
      <c r="AQ23" s="878"/>
      <c r="AR23" s="878"/>
      <c r="AS23" s="878"/>
      <c r="AT23" s="878"/>
      <c r="AU23" s="884"/>
      <c r="AV23" s="884"/>
      <c r="AW23" s="884"/>
      <c r="AX23" s="884"/>
      <c r="AY23" s="885"/>
      <c r="AZ23" s="893" t="s">
        <v>
178</v>
      </c>
      <c r="BA23" s="894"/>
      <c r="BB23" s="894"/>
      <c r="BC23" s="894"/>
      <c r="BD23" s="895"/>
      <c r="BE23" s="254"/>
      <c r="BF23" s="254"/>
      <c r="BG23" s="254"/>
      <c r="BH23" s="254"/>
      <c r="BI23" s="254"/>
      <c r="BJ23" s="254"/>
      <c r="BK23" s="254"/>
      <c r="BL23" s="254"/>
      <c r="BM23" s="254"/>
      <c r="BN23" s="254"/>
      <c r="BO23" s="254"/>
      <c r="BP23" s="254"/>
      <c r="BQ23" s="263">
        <v>
17</v>
      </c>
      <c r="BR23" s="264"/>
      <c r="BS23" s="852"/>
      <c r="BT23" s="853"/>
      <c r="BU23" s="853"/>
      <c r="BV23" s="853"/>
      <c r="BW23" s="853"/>
      <c r="BX23" s="853"/>
      <c r="BY23" s="853"/>
      <c r="BZ23" s="853"/>
      <c r="CA23" s="853"/>
      <c r="CB23" s="853"/>
      <c r="CC23" s="853"/>
      <c r="CD23" s="853"/>
      <c r="CE23" s="853"/>
      <c r="CF23" s="853"/>
      <c r="CG23" s="854"/>
      <c r="CH23" s="865"/>
      <c r="CI23" s="866"/>
      <c r="CJ23" s="866"/>
      <c r="CK23" s="866"/>
      <c r="CL23" s="867"/>
      <c r="CM23" s="865"/>
      <c r="CN23" s="866"/>
      <c r="CO23" s="866"/>
      <c r="CP23" s="866"/>
      <c r="CQ23" s="867"/>
      <c r="CR23" s="865"/>
      <c r="CS23" s="866"/>
      <c r="CT23" s="866"/>
      <c r="CU23" s="866"/>
      <c r="CV23" s="867"/>
      <c r="CW23" s="865"/>
      <c r="CX23" s="866"/>
      <c r="CY23" s="866"/>
      <c r="CZ23" s="866"/>
      <c r="DA23" s="867"/>
      <c r="DB23" s="865"/>
      <c r="DC23" s="866"/>
      <c r="DD23" s="866"/>
      <c r="DE23" s="866"/>
      <c r="DF23" s="867"/>
      <c r="DG23" s="865"/>
      <c r="DH23" s="866"/>
      <c r="DI23" s="866"/>
      <c r="DJ23" s="866"/>
      <c r="DK23" s="867"/>
      <c r="DL23" s="865"/>
      <c r="DM23" s="866"/>
      <c r="DN23" s="866"/>
      <c r="DO23" s="866"/>
      <c r="DP23" s="867"/>
      <c r="DQ23" s="865"/>
      <c r="DR23" s="866"/>
      <c r="DS23" s="866"/>
      <c r="DT23" s="866"/>
      <c r="DU23" s="867"/>
      <c r="DV23" s="868"/>
      <c r="DW23" s="869"/>
      <c r="DX23" s="869"/>
      <c r="DY23" s="869"/>
      <c r="DZ23" s="870"/>
      <c r="EA23" s="255"/>
    </row>
    <row r="24" spans="1:131" s="256" customFormat="1" ht="26.25" customHeight="1" x14ac:dyDescent="0.2">
      <c r="A24" s="892" t="s">
        <v>
400</v>
      </c>
      <c r="B24" s="892"/>
      <c r="C24" s="892"/>
      <c r="D24" s="892"/>
      <c r="E24" s="892"/>
      <c r="F24" s="892"/>
      <c r="G24" s="892"/>
      <c r="H24" s="892"/>
      <c r="I24" s="892"/>
      <c r="J24" s="892"/>
      <c r="K24" s="892"/>
      <c r="L24" s="892"/>
      <c r="M24" s="892"/>
      <c r="N24" s="892"/>
      <c r="O24" s="892"/>
      <c r="P24" s="892"/>
      <c r="Q24" s="892"/>
      <c r="R24" s="892"/>
      <c r="S24" s="892"/>
      <c r="T24" s="892"/>
      <c r="U24" s="892"/>
      <c r="V24" s="892"/>
      <c r="W24" s="892"/>
      <c r="X24" s="892"/>
      <c r="Y24" s="892"/>
      <c r="Z24" s="892"/>
      <c r="AA24" s="892"/>
      <c r="AB24" s="892"/>
      <c r="AC24" s="892"/>
      <c r="AD24" s="892"/>
      <c r="AE24" s="892"/>
      <c r="AF24" s="892"/>
      <c r="AG24" s="892"/>
      <c r="AH24" s="892"/>
      <c r="AI24" s="892"/>
      <c r="AJ24" s="892"/>
      <c r="AK24" s="892"/>
      <c r="AL24" s="892"/>
      <c r="AM24" s="892"/>
      <c r="AN24" s="892"/>
      <c r="AO24" s="892"/>
      <c r="AP24" s="892"/>
      <c r="AQ24" s="892"/>
      <c r="AR24" s="892"/>
      <c r="AS24" s="892"/>
      <c r="AT24" s="892"/>
      <c r="AU24" s="892"/>
      <c r="AV24" s="892"/>
      <c r="AW24" s="892"/>
      <c r="AX24" s="892"/>
      <c r="AY24" s="892"/>
      <c r="AZ24" s="253"/>
      <c r="BA24" s="253"/>
      <c r="BB24" s="253"/>
      <c r="BC24" s="253"/>
      <c r="BD24" s="253"/>
      <c r="BE24" s="254"/>
      <c r="BF24" s="254"/>
      <c r="BG24" s="254"/>
      <c r="BH24" s="254"/>
      <c r="BI24" s="254"/>
      <c r="BJ24" s="254"/>
      <c r="BK24" s="254"/>
      <c r="BL24" s="254"/>
      <c r="BM24" s="254"/>
      <c r="BN24" s="254"/>
      <c r="BO24" s="254"/>
      <c r="BP24" s="254"/>
      <c r="BQ24" s="263">
        <v>
18</v>
      </c>
      <c r="BR24" s="264"/>
      <c r="BS24" s="852"/>
      <c r="BT24" s="853"/>
      <c r="BU24" s="853"/>
      <c r="BV24" s="853"/>
      <c r="BW24" s="853"/>
      <c r="BX24" s="853"/>
      <c r="BY24" s="853"/>
      <c r="BZ24" s="853"/>
      <c r="CA24" s="853"/>
      <c r="CB24" s="853"/>
      <c r="CC24" s="853"/>
      <c r="CD24" s="853"/>
      <c r="CE24" s="853"/>
      <c r="CF24" s="853"/>
      <c r="CG24" s="854"/>
      <c r="CH24" s="865"/>
      <c r="CI24" s="866"/>
      <c r="CJ24" s="866"/>
      <c r="CK24" s="866"/>
      <c r="CL24" s="867"/>
      <c r="CM24" s="865"/>
      <c r="CN24" s="866"/>
      <c r="CO24" s="866"/>
      <c r="CP24" s="866"/>
      <c r="CQ24" s="867"/>
      <c r="CR24" s="865"/>
      <c r="CS24" s="866"/>
      <c r="CT24" s="866"/>
      <c r="CU24" s="866"/>
      <c r="CV24" s="867"/>
      <c r="CW24" s="865"/>
      <c r="CX24" s="866"/>
      <c r="CY24" s="866"/>
      <c r="CZ24" s="866"/>
      <c r="DA24" s="867"/>
      <c r="DB24" s="865"/>
      <c r="DC24" s="866"/>
      <c r="DD24" s="866"/>
      <c r="DE24" s="866"/>
      <c r="DF24" s="867"/>
      <c r="DG24" s="865"/>
      <c r="DH24" s="866"/>
      <c r="DI24" s="866"/>
      <c r="DJ24" s="866"/>
      <c r="DK24" s="867"/>
      <c r="DL24" s="865"/>
      <c r="DM24" s="866"/>
      <c r="DN24" s="866"/>
      <c r="DO24" s="866"/>
      <c r="DP24" s="867"/>
      <c r="DQ24" s="865"/>
      <c r="DR24" s="866"/>
      <c r="DS24" s="866"/>
      <c r="DT24" s="866"/>
      <c r="DU24" s="867"/>
      <c r="DV24" s="868"/>
      <c r="DW24" s="869"/>
      <c r="DX24" s="869"/>
      <c r="DY24" s="869"/>
      <c r="DZ24" s="870"/>
      <c r="EA24" s="255"/>
    </row>
    <row r="25" spans="1:131" s="248" customFormat="1" ht="26.25" customHeight="1" thickBot="1" x14ac:dyDescent="0.25">
      <c r="A25" s="833" t="s">
        <v>
401</v>
      </c>
      <c r="B25" s="833"/>
      <c r="C25" s="833"/>
      <c r="D25" s="833"/>
      <c r="E25" s="833"/>
      <c r="F25" s="833"/>
      <c r="G25" s="833"/>
      <c r="H25" s="833"/>
      <c r="I25" s="833"/>
      <c r="J25" s="833"/>
      <c r="K25" s="833"/>
      <c r="L25" s="833"/>
      <c r="M25" s="833"/>
      <c r="N25" s="833"/>
      <c r="O25" s="833"/>
      <c r="P25" s="833"/>
      <c r="Q25" s="833"/>
      <c r="R25" s="833"/>
      <c r="S25" s="833"/>
      <c r="T25" s="833"/>
      <c r="U25" s="833"/>
      <c r="V25" s="833"/>
      <c r="W25" s="833"/>
      <c r="X25" s="833"/>
      <c r="Y25" s="833"/>
      <c r="Z25" s="833"/>
      <c r="AA25" s="833"/>
      <c r="AB25" s="833"/>
      <c r="AC25" s="833"/>
      <c r="AD25" s="833"/>
      <c r="AE25" s="833"/>
      <c r="AF25" s="833"/>
      <c r="AG25" s="833"/>
      <c r="AH25" s="833"/>
      <c r="AI25" s="833"/>
      <c r="AJ25" s="833"/>
      <c r="AK25" s="833"/>
      <c r="AL25" s="833"/>
      <c r="AM25" s="833"/>
      <c r="AN25" s="833"/>
      <c r="AO25" s="833"/>
      <c r="AP25" s="833"/>
      <c r="AQ25" s="833"/>
      <c r="AR25" s="833"/>
      <c r="AS25" s="833"/>
      <c r="AT25" s="833"/>
      <c r="AU25" s="833"/>
      <c r="AV25" s="833"/>
      <c r="AW25" s="833"/>
      <c r="AX25" s="833"/>
      <c r="AY25" s="833"/>
      <c r="AZ25" s="833"/>
      <c r="BA25" s="833"/>
      <c r="BB25" s="833"/>
      <c r="BC25" s="833"/>
      <c r="BD25" s="833"/>
      <c r="BE25" s="833"/>
      <c r="BF25" s="833"/>
      <c r="BG25" s="833"/>
      <c r="BH25" s="833"/>
      <c r="BI25" s="833"/>
      <c r="BJ25" s="253"/>
      <c r="BK25" s="253"/>
      <c r="BL25" s="253"/>
      <c r="BM25" s="253"/>
      <c r="BN25" s="253"/>
      <c r="BO25" s="266"/>
      <c r="BP25" s="266"/>
      <c r="BQ25" s="263">
        <v>
19</v>
      </c>
      <c r="BR25" s="264"/>
      <c r="BS25" s="852"/>
      <c r="BT25" s="853"/>
      <c r="BU25" s="853"/>
      <c r="BV25" s="853"/>
      <c r="BW25" s="853"/>
      <c r="BX25" s="853"/>
      <c r="BY25" s="853"/>
      <c r="BZ25" s="853"/>
      <c r="CA25" s="853"/>
      <c r="CB25" s="853"/>
      <c r="CC25" s="853"/>
      <c r="CD25" s="853"/>
      <c r="CE25" s="853"/>
      <c r="CF25" s="853"/>
      <c r="CG25" s="854"/>
      <c r="CH25" s="865"/>
      <c r="CI25" s="866"/>
      <c r="CJ25" s="866"/>
      <c r="CK25" s="866"/>
      <c r="CL25" s="867"/>
      <c r="CM25" s="865"/>
      <c r="CN25" s="866"/>
      <c r="CO25" s="866"/>
      <c r="CP25" s="866"/>
      <c r="CQ25" s="867"/>
      <c r="CR25" s="865"/>
      <c r="CS25" s="866"/>
      <c r="CT25" s="866"/>
      <c r="CU25" s="866"/>
      <c r="CV25" s="867"/>
      <c r="CW25" s="865"/>
      <c r="CX25" s="866"/>
      <c r="CY25" s="866"/>
      <c r="CZ25" s="866"/>
      <c r="DA25" s="867"/>
      <c r="DB25" s="865"/>
      <c r="DC25" s="866"/>
      <c r="DD25" s="866"/>
      <c r="DE25" s="866"/>
      <c r="DF25" s="867"/>
      <c r="DG25" s="865"/>
      <c r="DH25" s="866"/>
      <c r="DI25" s="866"/>
      <c r="DJ25" s="866"/>
      <c r="DK25" s="867"/>
      <c r="DL25" s="865"/>
      <c r="DM25" s="866"/>
      <c r="DN25" s="866"/>
      <c r="DO25" s="866"/>
      <c r="DP25" s="867"/>
      <c r="DQ25" s="865"/>
      <c r="DR25" s="866"/>
      <c r="DS25" s="866"/>
      <c r="DT25" s="866"/>
      <c r="DU25" s="867"/>
      <c r="DV25" s="868"/>
      <c r="DW25" s="869"/>
      <c r="DX25" s="869"/>
      <c r="DY25" s="869"/>
      <c r="DZ25" s="870"/>
      <c r="EA25" s="247"/>
    </row>
    <row r="26" spans="1:131" s="248" customFormat="1" ht="26.25" customHeight="1" x14ac:dyDescent="0.2">
      <c r="A26" s="824" t="s">
        <v>
379</v>
      </c>
      <c r="B26" s="825"/>
      <c r="C26" s="825"/>
      <c r="D26" s="825"/>
      <c r="E26" s="825"/>
      <c r="F26" s="825"/>
      <c r="G26" s="825"/>
      <c r="H26" s="825"/>
      <c r="I26" s="825"/>
      <c r="J26" s="825"/>
      <c r="K26" s="825"/>
      <c r="L26" s="825"/>
      <c r="M26" s="825"/>
      <c r="N26" s="825"/>
      <c r="O26" s="825"/>
      <c r="P26" s="826"/>
      <c r="Q26" s="801" t="s">
        <v>
402</v>
      </c>
      <c r="R26" s="802"/>
      <c r="S26" s="802"/>
      <c r="T26" s="802"/>
      <c r="U26" s="803"/>
      <c r="V26" s="801" t="s">
        <v>
403</v>
      </c>
      <c r="W26" s="802"/>
      <c r="X26" s="802"/>
      <c r="Y26" s="802"/>
      <c r="Z26" s="803"/>
      <c r="AA26" s="801" t="s">
        <v>
404</v>
      </c>
      <c r="AB26" s="802"/>
      <c r="AC26" s="802"/>
      <c r="AD26" s="802"/>
      <c r="AE26" s="802"/>
      <c r="AF26" s="896" t="s">
        <v>
405</v>
      </c>
      <c r="AG26" s="897"/>
      <c r="AH26" s="897"/>
      <c r="AI26" s="897"/>
      <c r="AJ26" s="898"/>
      <c r="AK26" s="802" t="s">
        <v>
406</v>
      </c>
      <c r="AL26" s="802"/>
      <c r="AM26" s="802"/>
      <c r="AN26" s="802"/>
      <c r="AO26" s="803"/>
      <c r="AP26" s="801" t="s">
        <v>
407</v>
      </c>
      <c r="AQ26" s="802"/>
      <c r="AR26" s="802"/>
      <c r="AS26" s="802"/>
      <c r="AT26" s="803"/>
      <c r="AU26" s="801" t="s">
        <v>
408</v>
      </c>
      <c r="AV26" s="802"/>
      <c r="AW26" s="802"/>
      <c r="AX26" s="802"/>
      <c r="AY26" s="803"/>
      <c r="AZ26" s="801" t="s">
        <v>
409</v>
      </c>
      <c r="BA26" s="802"/>
      <c r="BB26" s="802"/>
      <c r="BC26" s="802"/>
      <c r="BD26" s="803"/>
      <c r="BE26" s="801" t="s">
        <v>
386</v>
      </c>
      <c r="BF26" s="802"/>
      <c r="BG26" s="802"/>
      <c r="BH26" s="802"/>
      <c r="BI26" s="813"/>
      <c r="BJ26" s="253"/>
      <c r="BK26" s="253"/>
      <c r="BL26" s="253"/>
      <c r="BM26" s="253"/>
      <c r="BN26" s="253"/>
      <c r="BO26" s="266"/>
      <c r="BP26" s="266"/>
      <c r="BQ26" s="263">
        <v>
20</v>
      </c>
      <c r="BR26" s="264"/>
      <c r="BS26" s="852"/>
      <c r="BT26" s="853"/>
      <c r="BU26" s="853"/>
      <c r="BV26" s="853"/>
      <c r="BW26" s="853"/>
      <c r="BX26" s="853"/>
      <c r="BY26" s="853"/>
      <c r="BZ26" s="853"/>
      <c r="CA26" s="853"/>
      <c r="CB26" s="853"/>
      <c r="CC26" s="853"/>
      <c r="CD26" s="853"/>
      <c r="CE26" s="853"/>
      <c r="CF26" s="853"/>
      <c r="CG26" s="854"/>
      <c r="CH26" s="865"/>
      <c r="CI26" s="866"/>
      <c r="CJ26" s="866"/>
      <c r="CK26" s="866"/>
      <c r="CL26" s="867"/>
      <c r="CM26" s="865"/>
      <c r="CN26" s="866"/>
      <c r="CO26" s="866"/>
      <c r="CP26" s="866"/>
      <c r="CQ26" s="867"/>
      <c r="CR26" s="865"/>
      <c r="CS26" s="866"/>
      <c r="CT26" s="866"/>
      <c r="CU26" s="866"/>
      <c r="CV26" s="867"/>
      <c r="CW26" s="865"/>
      <c r="CX26" s="866"/>
      <c r="CY26" s="866"/>
      <c r="CZ26" s="866"/>
      <c r="DA26" s="867"/>
      <c r="DB26" s="865"/>
      <c r="DC26" s="866"/>
      <c r="DD26" s="866"/>
      <c r="DE26" s="866"/>
      <c r="DF26" s="867"/>
      <c r="DG26" s="865"/>
      <c r="DH26" s="866"/>
      <c r="DI26" s="866"/>
      <c r="DJ26" s="866"/>
      <c r="DK26" s="867"/>
      <c r="DL26" s="865"/>
      <c r="DM26" s="866"/>
      <c r="DN26" s="866"/>
      <c r="DO26" s="866"/>
      <c r="DP26" s="867"/>
      <c r="DQ26" s="865"/>
      <c r="DR26" s="866"/>
      <c r="DS26" s="866"/>
      <c r="DT26" s="866"/>
      <c r="DU26" s="867"/>
      <c r="DV26" s="868"/>
      <c r="DW26" s="869"/>
      <c r="DX26" s="869"/>
      <c r="DY26" s="869"/>
      <c r="DZ26" s="870"/>
      <c r="EA26" s="247"/>
    </row>
    <row r="27" spans="1:131" s="248" customFormat="1" ht="26.25" customHeight="1" thickBot="1" x14ac:dyDescent="0.25">
      <c r="A27" s="827"/>
      <c r="B27" s="828"/>
      <c r="C27" s="828"/>
      <c r="D27" s="828"/>
      <c r="E27" s="828"/>
      <c r="F27" s="828"/>
      <c r="G27" s="828"/>
      <c r="H27" s="828"/>
      <c r="I27" s="828"/>
      <c r="J27" s="828"/>
      <c r="K27" s="828"/>
      <c r="L27" s="828"/>
      <c r="M27" s="828"/>
      <c r="N27" s="828"/>
      <c r="O27" s="828"/>
      <c r="P27" s="829"/>
      <c r="Q27" s="804"/>
      <c r="R27" s="805"/>
      <c r="S27" s="805"/>
      <c r="T27" s="805"/>
      <c r="U27" s="806"/>
      <c r="V27" s="804"/>
      <c r="W27" s="805"/>
      <c r="X27" s="805"/>
      <c r="Y27" s="805"/>
      <c r="Z27" s="806"/>
      <c r="AA27" s="804"/>
      <c r="AB27" s="805"/>
      <c r="AC27" s="805"/>
      <c r="AD27" s="805"/>
      <c r="AE27" s="805"/>
      <c r="AF27" s="899"/>
      <c r="AG27" s="900"/>
      <c r="AH27" s="900"/>
      <c r="AI27" s="900"/>
      <c r="AJ27" s="901"/>
      <c r="AK27" s="805"/>
      <c r="AL27" s="805"/>
      <c r="AM27" s="805"/>
      <c r="AN27" s="805"/>
      <c r="AO27" s="806"/>
      <c r="AP27" s="804"/>
      <c r="AQ27" s="805"/>
      <c r="AR27" s="805"/>
      <c r="AS27" s="805"/>
      <c r="AT27" s="806"/>
      <c r="AU27" s="804"/>
      <c r="AV27" s="805"/>
      <c r="AW27" s="805"/>
      <c r="AX27" s="805"/>
      <c r="AY27" s="806"/>
      <c r="AZ27" s="804"/>
      <c r="BA27" s="805"/>
      <c r="BB27" s="805"/>
      <c r="BC27" s="805"/>
      <c r="BD27" s="806"/>
      <c r="BE27" s="804"/>
      <c r="BF27" s="805"/>
      <c r="BG27" s="805"/>
      <c r="BH27" s="805"/>
      <c r="BI27" s="814"/>
      <c r="BJ27" s="253"/>
      <c r="BK27" s="253"/>
      <c r="BL27" s="253"/>
      <c r="BM27" s="253"/>
      <c r="BN27" s="253"/>
      <c r="BO27" s="266"/>
      <c r="BP27" s="266"/>
      <c r="BQ27" s="263">
        <v>
21</v>
      </c>
      <c r="BR27" s="264"/>
      <c r="BS27" s="852"/>
      <c r="BT27" s="853"/>
      <c r="BU27" s="853"/>
      <c r="BV27" s="853"/>
      <c r="BW27" s="853"/>
      <c r="BX27" s="853"/>
      <c r="BY27" s="853"/>
      <c r="BZ27" s="853"/>
      <c r="CA27" s="853"/>
      <c r="CB27" s="853"/>
      <c r="CC27" s="853"/>
      <c r="CD27" s="853"/>
      <c r="CE27" s="853"/>
      <c r="CF27" s="853"/>
      <c r="CG27" s="854"/>
      <c r="CH27" s="865"/>
      <c r="CI27" s="866"/>
      <c r="CJ27" s="866"/>
      <c r="CK27" s="866"/>
      <c r="CL27" s="867"/>
      <c r="CM27" s="865"/>
      <c r="CN27" s="866"/>
      <c r="CO27" s="866"/>
      <c r="CP27" s="866"/>
      <c r="CQ27" s="867"/>
      <c r="CR27" s="865"/>
      <c r="CS27" s="866"/>
      <c r="CT27" s="866"/>
      <c r="CU27" s="866"/>
      <c r="CV27" s="867"/>
      <c r="CW27" s="865"/>
      <c r="CX27" s="866"/>
      <c r="CY27" s="866"/>
      <c r="CZ27" s="866"/>
      <c r="DA27" s="867"/>
      <c r="DB27" s="865"/>
      <c r="DC27" s="866"/>
      <c r="DD27" s="866"/>
      <c r="DE27" s="866"/>
      <c r="DF27" s="867"/>
      <c r="DG27" s="865"/>
      <c r="DH27" s="866"/>
      <c r="DI27" s="866"/>
      <c r="DJ27" s="866"/>
      <c r="DK27" s="867"/>
      <c r="DL27" s="865"/>
      <c r="DM27" s="866"/>
      <c r="DN27" s="866"/>
      <c r="DO27" s="866"/>
      <c r="DP27" s="867"/>
      <c r="DQ27" s="865"/>
      <c r="DR27" s="866"/>
      <c r="DS27" s="866"/>
      <c r="DT27" s="866"/>
      <c r="DU27" s="867"/>
      <c r="DV27" s="868"/>
      <c r="DW27" s="869"/>
      <c r="DX27" s="869"/>
      <c r="DY27" s="869"/>
      <c r="DZ27" s="870"/>
      <c r="EA27" s="247"/>
    </row>
    <row r="28" spans="1:131" s="248" customFormat="1" ht="26.25" customHeight="1" thickTop="1" x14ac:dyDescent="0.2">
      <c r="A28" s="267">
        <v>
1</v>
      </c>
      <c r="B28" s="815" t="s">
        <v>
410</v>
      </c>
      <c r="C28" s="816"/>
      <c r="D28" s="816"/>
      <c r="E28" s="816"/>
      <c r="F28" s="816"/>
      <c r="G28" s="816"/>
      <c r="H28" s="816"/>
      <c r="I28" s="816"/>
      <c r="J28" s="816"/>
      <c r="K28" s="816"/>
      <c r="L28" s="816"/>
      <c r="M28" s="816"/>
      <c r="N28" s="816"/>
      <c r="O28" s="816"/>
      <c r="P28" s="817"/>
      <c r="Q28" s="910">
        <v>
37493</v>
      </c>
      <c r="R28" s="911"/>
      <c r="S28" s="911"/>
      <c r="T28" s="911"/>
      <c r="U28" s="911"/>
      <c r="V28" s="911">
        <v>
36788</v>
      </c>
      <c r="W28" s="911"/>
      <c r="X28" s="911"/>
      <c r="Y28" s="911"/>
      <c r="Z28" s="911"/>
      <c r="AA28" s="911">
        <v>
705</v>
      </c>
      <c r="AB28" s="911"/>
      <c r="AC28" s="911"/>
      <c r="AD28" s="911"/>
      <c r="AE28" s="912"/>
      <c r="AF28" s="913">
        <v>
705</v>
      </c>
      <c r="AG28" s="911"/>
      <c r="AH28" s="911"/>
      <c r="AI28" s="911"/>
      <c r="AJ28" s="914"/>
      <c r="AK28" s="915">
        <v>
5333</v>
      </c>
      <c r="AL28" s="916"/>
      <c r="AM28" s="916"/>
      <c r="AN28" s="916"/>
      <c r="AO28" s="916"/>
      <c r="AP28" s="902" t="s">
        <v>
568</v>
      </c>
      <c r="AQ28" s="903"/>
      <c r="AR28" s="903"/>
      <c r="AS28" s="903"/>
      <c r="AT28" s="904"/>
      <c r="AU28" s="902" t="s">
        <v>
510</v>
      </c>
      <c r="AV28" s="903"/>
      <c r="AW28" s="903"/>
      <c r="AX28" s="903"/>
      <c r="AY28" s="904"/>
      <c r="AZ28" s="905" t="s">
        <v>
510</v>
      </c>
      <c r="BA28" s="906"/>
      <c r="BB28" s="906"/>
      <c r="BC28" s="906"/>
      <c r="BD28" s="907"/>
      <c r="BE28" s="908"/>
      <c r="BF28" s="908"/>
      <c r="BG28" s="908"/>
      <c r="BH28" s="908"/>
      <c r="BI28" s="909"/>
      <c r="BJ28" s="253"/>
      <c r="BK28" s="253"/>
      <c r="BL28" s="253"/>
      <c r="BM28" s="253"/>
      <c r="BN28" s="253"/>
      <c r="BO28" s="266"/>
      <c r="BP28" s="266"/>
      <c r="BQ28" s="263">
        <v>
22</v>
      </c>
      <c r="BR28" s="264"/>
      <c r="BS28" s="852"/>
      <c r="BT28" s="853"/>
      <c r="BU28" s="853"/>
      <c r="BV28" s="853"/>
      <c r="BW28" s="853"/>
      <c r="BX28" s="853"/>
      <c r="BY28" s="853"/>
      <c r="BZ28" s="853"/>
      <c r="CA28" s="853"/>
      <c r="CB28" s="853"/>
      <c r="CC28" s="853"/>
      <c r="CD28" s="853"/>
      <c r="CE28" s="853"/>
      <c r="CF28" s="853"/>
      <c r="CG28" s="854"/>
      <c r="CH28" s="865"/>
      <c r="CI28" s="866"/>
      <c r="CJ28" s="866"/>
      <c r="CK28" s="866"/>
      <c r="CL28" s="867"/>
      <c r="CM28" s="865"/>
      <c r="CN28" s="866"/>
      <c r="CO28" s="866"/>
      <c r="CP28" s="866"/>
      <c r="CQ28" s="867"/>
      <c r="CR28" s="865"/>
      <c r="CS28" s="866"/>
      <c r="CT28" s="866"/>
      <c r="CU28" s="866"/>
      <c r="CV28" s="867"/>
      <c r="CW28" s="865"/>
      <c r="CX28" s="866"/>
      <c r="CY28" s="866"/>
      <c r="CZ28" s="866"/>
      <c r="DA28" s="867"/>
      <c r="DB28" s="865"/>
      <c r="DC28" s="866"/>
      <c r="DD28" s="866"/>
      <c r="DE28" s="866"/>
      <c r="DF28" s="867"/>
      <c r="DG28" s="865"/>
      <c r="DH28" s="866"/>
      <c r="DI28" s="866"/>
      <c r="DJ28" s="866"/>
      <c r="DK28" s="867"/>
      <c r="DL28" s="865"/>
      <c r="DM28" s="866"/>
      <c r="DN28" s="866"/>
      <c r="DO28" s="866"/>
      <c r="DP28" s="867"/>
      <c r="DQ28" s="865"/>
      <c r="DR28" s="866"/>
      <c r="DS28" s="866"/>
      <c r="DT28" s="866"/>
      <c r="DU28" s="867"/>
      <c r="DV28" s="868"/>
      <c r="DW28" s="869"/>
      <c r="DX28" s="869"/>
      <c r="DY28" s="869"/>
      <c r="DZ28" s="870"/>
      <c r="EA28" s="247"/>
    </row>
    <row r="29" spans="1:131" s="248" customFormat="1" ht="26.25" customHeight="1" x14ac:dyDescent="0.2">
      <c r="A29" s="267">
        <v>
2</v>
      </c>
      <c r="B29" s="839" t="s">
        <v>
411</v>
      </c>
      <c r="C29" s="840"/>
      <c r="D29" s="840"/>
      <c r="E29" s="840"/>
      <c r="F29" s="840"/>
      <c r="G29" s="840"/>
      <c r="H29" s="840"/>
      <c r="I29" s="840"/>
      <c r="J29" s="840"/>
      <c r="K29" s="840"/>
      <c r="L29" s="840"/>
      <c r="M29" s="840"/>
      <c r="N29" s="840"/>
      <c r="O29" s="840"/>
      <c r="P29" s="841"/>
      <c r="Q29" s="842">
        <v>
24975</v>
      </c>
      <c r="R29" s="843"/>
      <c r="S29" s="843"/>
      <c r="T29" s="843"/>
      <c r="U29" s="843"/>
      <c r="V29" s="843">
        <v>
24305</v>
      </c>
      <c r="W29" s="843"/>
      <c r="X29" s="843"/>
      <c r="Y29" s="843"/>
      <c r="Z29" s="843"/>
      <c r="AA29" s="843">
        <v>
670</v>
      </c>
      <c r="AB29" s="843"/>
      <c r="AC29" s="843"/>
      <c r="AD29" s="843"/>
      <c r="AE29" s="844"/>
      <c r="AF29" s="845">
        <v>
670</v>
      </c>
      <c r="AG29" s="846"/>
      <c r="AH29" s="846"/>
      <c r="AI29" s="846"/>
      <c r="AJ29" s="847"/>
      <c r="AK29" s="919">
        <v>
4470</v>
      </c>
      <c r="AL29" s="920"/>
      <c r="AM29" s="920"/>
      <c r="AN29" s="920"/>
      <c r="AO29" s="920"/>
      <c r="AP29" s="921" t="s">
        <v>
510</v>
      </c>
      <c r="AQ29" s="922"/>
      <c r="AR29" s="922"/>
      <c r="AS29" s="922"/>
      <c r="AT29" s="919"/>
      <c r="AU29" s="921" t="s">
        <v>
510</v>
      </c>
      <c r="AV29" s="922"/>
      <c r="AW29" s="922"/>
      <c r="AX29" s="922"/>
      <c r="AY29" s="919"/>
      <c r="AZ29" s="923" t="s">
        <v>
510</v>
      </c>
      <c r="BA29" s="924"/>
      <c r="BB29" s="924"/>
      <c r="BC29" s="924"/>
      <c r="BD29" s="925"/>
      <c r="BE29" s="917"/>
      <c r="BF29" s="917"/>
      <c r="BG29" s="917"/>
      <c r="BH29" s="917"/>
      <c r="BI29" s="918"/>
      <c r="BJ29" s="253"/>
      <c r="BK29" s="253"/>
      <c r="BL29" s="253"/>
      <c r="BM29" s="253"/>
      <c r="BN29" s="253"/>
      <c r="BO29" s="266"/>
      <c r="BP29" s="266"/>
      <c r="BQ29" s="263">
        <v>
23</v>
      </c>
      <c r="BR29" s="264"/>
      <c r="BS29" s="852"/>
      <c r="BT29" s="853"/>
      <c r="BU29" s="853"/>
      <c r="BV29" s="853"/>
      <c r="BW29" s="853"/>
      <c r="BX29" s="853"/>
      <c r="BY29" s="853"/>
      <c r="BZ29" s="853"/>
      <c r="CA29" s="853"/>
      <c r="CB29" s="853"/>
      <c r="CC29" s="853"/>
      <c r="CD29" s="853"/>
      <c r="CE29" s="853"/>
      <c r="CF29" s="853"/>
      <c r="CG29" s="854"/>
      <c r="CH29" s="865"/>
      <c r="CI29" s="866"/>
      <c r="CJ29" s="866"/>
      <c r="CK29" s="866"/>
      <c r="CL29" s="867"/>
      <c r="CM29" s="865"/>
      <c r="CN29" s="866"/>
      <c r="CO29" s="866"/>
      <c r="CP29" s="866"/>
      <c r="CQ29" s="867"/>
      <c r="CR29" s="865"/>
      <c r="CS29" s="866"/>
      <c r="CT29" s="866"/>
      <c r="CU29" s="866"/>
      <c r="CV29" s="867"/>
      <c r="CW29" s="865"/>
      <c r="CX29" s="866"/>
      <c r="CY29" s="866"/>
      <c r="CZ29" s="866"/>
      <c r="DA29" s="867"/>
      <c r="DB29" s="865"/>
      <c r="DC29" s="866"/>
      <c r="DD29" s="866"/>
      <c r="DE29" s="866"/>
      <c r="DF29" s="867"/>
      <c r="DG29" s="865"/>
      <c r="DH29" s="866"/>
      <c r="DI29" s="866"/>
      <c r="DJ29" s="866"/>
      <c r="DK29" s="867"/>
      <c r="DL29" s="865"/>
      <c r="DM29" s="866"/>
      <c r="DN29" s="866"/>
      <c r="DO29" s="866"/>
      <c r="DP29" s="867"/>
      <c r="DQ29" s="865"/>
      <c r="DR29" s="866"/>
      <c r="DS29" s="866"/>
      <c r="DT29" s="866"/>
      <c r="DU29" s="867"/>
      <c r="DV29" s="868"/>
      <c r="DW29" s="869"/>
      <c r="DX29" s="869"/>
      <c r="DY29" s="869"/>
      <c r="DZ29" s="870"/>
      <c r="EA29" s="247"/>
    </row>
    <row r="30" spans="1:131" s="248" customFormat="1" ht="26.25" customHeight="1" x14ac:dyDescent="0.2">
      <c r="A30" s="267">
        <v>
3</v>
      </c>
      <c r="B30" s="839" t="s">
        <v>
412</v>
      </c>
      <c r="C30" s="840"/>
      <c r="D30" s="840"/>
      <c r="E30" s="840"/>
      <c r="F30" s="840"/>
      <c r="G30" s="840"/>
      <c r="H30" s="840"/>
      <c r="I30" s="840"/>
      <c r="J30" s="840"/>
      <c r="K30" s="840"/>
      <c r="L30" s="840"/>
      <c r="M30" s="840"/>
      <c r="N30" s="840"/>
      <c r="O30" s="840"/>
      <c r="P30" s="841"/>
      <c r="Q30" s="842">
        <v>
7294</v>
      </c>
      <c r="R30" s="843"/>
      <c r="S30" s="843"/>
      <c r="T30" s="843"/>
      <c r="U30" s="843"/>
      <c r="V30" s="843">
        <v>
7257</v>
      </c>
      <c r="W30" s="843"/>
      <c r="X30" s="843"/>
      <c r="Y30" s="843"/>
      <c r="Z30" s="843"/>
      <c r="AA30" s="843">
        <v>
37</v>
      </c>
      <c r="AB30" s="843"/>
      <c r="AC30" s="843"/>
      <c r="AD30" s="843"/>
      <c r="AE30" s="844"/>
      <c r="AF30" s="845">
        <v>
37</v>
      </c>
      <c r="AG30" s="846"/>
      <c r="AH30" s="846"/>
      <c r="AI30" s="846"/>
      <c r="AJ30" s="847"/>
      <c r="AK30" s="919">
        <v>
3067</v>
      </c>
      <c r="AL30" s="920"/>
      <c r="AM30" s="920"/>
      <c r="AN30" s="920"/>
      <c r="AO30" s="920"/>
      <c r="AP30" s="921" t="s">
        <v>
510</v>
      </c>
      <c r="AQ30" s="922"/>
      <c r="AR30" s="922"/>
      <c r="AS30" s="922"/>
      <c r="AT30" s="919"/>
      <c r="AU30" s="921" t="s">
        <v>
510</v>
      </c>
      <c r="AV30" s="922"/>
      <c r="AW30" s="922"/>
      <c r="AX30" s="922"/>
      <c r="AY30" s="919"/>
      <c r="AZ30" s="923" t="s">
        <v>
510</v>
      </c>
      <c r="BA30" s="924"/>
      <c r="BB30" s="924"/>
      <c r="BC30" s="924"/>
      <c r="BD30" s="925"/>
      <c r="BE30" s="917"/>
      <c r="BF30" s="917"/>
      <c r="BG30" s="917"/>
      <c r="BH30" s="917"/>
      <c r="BI30" s="918"/>
      <c r="BJ30" s="253"/>
      <c r="BK30" s="253"/>
      <c r="BL30" s="253"/>
      <c r="BM30" s="253"/>
      <c r="BN30" s="253"/>
      <c r="BO30" s="266"/>
      <c r="BP30" s="266"/>
      <c r="BQ30" s="263">
        <v>
24</v>
      </c>
      <c r="BR30" s="264"/>
      <c r="BS30" s="852"/>
      <c r="BT30" s="853"/>
      <c r="BU30" s="853"/>
      <c r="BV30" s="853"/>
      <c r="BW30" s="853"/>
      <c r="BX30" s="853"/>
      <c r="BY30" s="853"/>
      <c r="BZ30" s="853"/>
      <c r="CA30" s="853"/>
      <c r="CB30" s="853"/>
      <c r="CC30" s="853"/>
      <c r="CD30" s="853"/>
      <c r="CE30" s="853"/>
      <c r="CF30" s="853"/>
      <c r="CG30" s="854"/>
      <c r="CH30" s="865"/>
      <c r="CI30" s="866"/>
      <c r="CJ30" s="866"/>
      <c r="CK30" s="866"/>
      <c r="CL30" s="867"/>
      <c r="CM30" s="865"/>
      <c r="CN30" s="866"/>
      <c r="CO30" s="866"/>
      <c r="CP30" s="866"/>
      <c r="CQ30" s="867"/>
      <c r="CR30" s="865"/>
      <c r="CS30" s="866"/>
      <c r="CT30" s="866"/>
      <c r="CU30" s="866"/>
      <c r="CV30" s="867"/>
      <c r="CW30" s="865"/>
      <c r="CX30" s="866"/>
      <c r="CY30" s="866"/>
      <c r="CZ30" s="866"/>
      <c r="DA30" s="867"/>
      <c r="DB30" s="865"/>
      <c r="DC30" s="866"/>
      <c r="DD30" s="866"/>
      <c r="DE30" s="866"/>
      <c r="DF30" s="867"/>
      <c r="DG30" s="865"/>
      <c r="DH30" s="866"/>
      <c r="DI30" s="866"/>
      <c r="DJ30" s="866"/>
      <c r="DK30" s="867"/>
      <c r="DL30" s="865"/>
      <c r="DM30" s="866"/>
      <c r="DN30" s="866"/>
      <c r="DO30" s="866"/>
      <c r="DP30" s="867"/>
      <c r="DQ30" s="865"/>
      <c r="DR30" s="866"/>
      <c r="DS30" s="866"/>
      <c r="DT30" s="866"/>
      <c r="DU30" s="867"/>
      <c r="DV30" s="868"/>
      <c r="DW30" s="869"/>
      <c r="DX30" s="869"/>
      <c r="DY30" s="869"/>
      <c r="DZ30" s="870"/>
      <c r="EA30" s="247"/>
    </row>
    <row r="31" spans="1:131" s="248" customFormat="1" ht="26.25" customHeight="1" x14ac:dyDescent="0.2">
      <c r="A31" s="267">
        <v>
4</v>
      </c>
      <c r="B31" s="839"/>
      <c r="C31" s="840"/>
      <c r="D31" s="840"/>
      <c r="E31" s="840"/>
      <c r="F31" s="840"/>
      <c r="G31" s="840"/>
      <c r="H31" s="840"/>
      <c r="I31" s="840"/>
      <c r="J31" s="840"/>
      <c r="K31" s="840"/>
      <c r="L31" s="840"/>
      <c r="M31" s="840"/>
      <c r="N31" s="840"/>
      <c r="O31" s="840"/>
      <c r="P31" s="841"/>
      <c r="Q31" s="842"/>
      <c r="R31" s="843"/>
      <c r="S31" s="843"/>
      <c r="T31" s="843"/>
      <c r="U31" s="843"/>
      <c r="V31" s="843"/>
      <c r="W31" s="843"/>
      <c r="X31" s="843"/>
      <c r="Y31" s="843"/>
      <c r="Z31" s="843"/>
      <c r="AA31" s="843"/>
      <c r="AB31" s="843"/>
      <c r="AC31" s="843"/>
      <c r="AD31" s="843"/>
      <c r="AE31" s="844"/>
      <c r="AF31" s="845"/>
      <c r="AG31" s="846"/>
      <c r="AH31" s="846"/>
      <c r="AI31" s="846"/>
      <c r="AJ31" s="847"/>
      <c r="AK31" s="919"/>
      <c r="AL31" s="920"/>
      <c r="AM31" s="920"/>
      <c r="AN31" s="920"/>
      <c r="AO31" s="920"/>
      <c r="AP31" s="920"/>
      <c r="AQ31" s="920"/>
      <c r="AR31" s="920"/>
      <c r="AS31" s="920"/>
      <c r="AT31" s="920"/>
      <c r="AU31" s="920"/>
      <c r="AV31" s="920"/>
      <c r="AW31" s="920"/>
      <c r="AX31" s="920"/>
      <c r="AY31" s="920"/>
      <c r="AZ31" s="926"/>
      <c r="BA31" s="926"/>
      <c r="BB31" s="926"/>
      <c r="BC31" s="926"/>
      <c r="BD31" s="926"/>
      <c r="BE31" s="917"/>
      <c r="BF31" s="917"/>
      <c r="BG31" s="917"/>
      <c r="BH31" s="917"/>
      <c r="BI31" s="918"/>
      <c r="BJ31" s="253"/>
      <c r="BK31" s="253"/>
      <c r="BL31" s="253"/>
      <c r="BM31" s="253"/>
      <c r="BN31" s="253"/>
      <c r="BO31" s="266"/>
      <c r="BP31" s="266"/>
      <c r="BQ31" s="263">
        <v>
25</v>
      </c>
      <c r="BR31" s="264"/>
      <c r="BS31" s="852"/>
      <c r="BT31" s="853"/>
      <c r="BU31" s="853"/>
      <c r="BV31" s="853"/>
      <c r="BW31" s="853"/>
      <c r="BX31" s="853"/>
      <c r="BY31" s="853"/>
      <c r="BZ31" s="853"/>
      <c r="CA31" s="853"/>
      <c r="CB31" s="853"/>
      <c r="CC31" s="853"/>
      <c r="CD31" s="853"/>
      <c r="CE31" s="853"/>
      <c r="CF31" s="853"/>
      <c r="CG31" s="854"/>
      <c r="CH31" s="865"/>
      <c r="CI31" s="866"/>
      <c r="CJ31" s="866"/>
      <c r="CK31" s="866"/>
      <c r="CL31" s="867"/>
      <c r="CM31" s="865"/>
      <c r="CN31" s="866"/>
      <c r="CO31" s="866"/>
      <c r="CP31" s="866"/>
      <c r="CQ31" s="867"/>
      <c r="CR31" s="865"/>
      <c r="CS31" s="866"/>
      <c r="CT31" s="866"/>
      <c r="CU31" s="866"/>
      <c r="CV31" s="867"/>
      <c r="CW31" s="865"/>
      <c r="CX31" s="866"/>
      <c r="CY31" s="866"/>
      <c r="CZ31" s="866"/>
      <c r="DA31" s="867"/>
      <c r="DB31" s="865"/>
      <c r="DC31" s="866"/>
      <c r="DD31" s="866"/>
      <c r="DE31" s="866"/>
      <c r="DF31" s="867"/>
      <c r="DG31" s="865"/>
      <c r="DH31" s="866"/>
      <c r="DI31" s="866"/>
      <c r="DJ31" s="866"/>
      <c r="DK31" s="867"/>
      <c r="DL31" s="865"/>
      <c r="DM31" s="866"/>
      <c r="DN31" s="866"/>
      <c r="DO31" s="866"/>
      <c r="DP31" s="867"/>
      <c r="DQ31" s="865"/>
      <c r="DR31" s="866"/>
      <c r="DS31" s="866"/>
      <c r="DT31" s="866"/>
      <c r="DU31" s="867"/>
      <c r="DV31" s="868"/>
      <c r="DW31" s="869"/>
      <c r="DX31" s="869"/>
      <c r="DY31" s="869"/>
      <c r="DZ31" s="870"/>
      <c r="EA31" s="247"/>
    </row>
    <row r="32" spans="1:131" s="248" customFormat="1" ht="26.25" customHeight="1" x14ac:dyDescent="0.2">
      <c r="A32" s="267">
        <v>
5</v>
      </c>
      <c r="B32" s="839"/>
      <c r="C32" s="840"/>
      <c r="D32" s="840"/>
      <c r="E32" s="840"/>
      <c r="F32" s="840"/>
      <c r="G32" s="840"/>
      <c r="H32" s="840"/>
      <c r="I32" s="840"/>
      <c r="J32" s="840"/>
      <c r="K32" s="840"/>
      <c r="L32" s="840"/>
      <c r="M32" s="840"/>
      <c r="N32" s="840"/>
      <c r="O32" s="840"/>
      <c r="P32" s="841"/>
      <c r="Q32" s="842"/>
      <c r="R32" s="843"/>
      <c r="S32" s="843"/>
      <c r="T32" s="843"/>
      <c r="U32" s="843"/>
      <c r="V32" s="843"/>
      <c r="W32" s="843"/>
      <c r="X32" s="843"/>
      <c r="Y32" s="843"/>
      <c r="Z32" s="843"/>
      <c r="AA32" s="843"/>
      <c r="AB32" s="843"/>
      <c r="AC32" s="843"/>
      <c r="AD32" s="843"/>
      <c r="AE32" s="844"/>
      <c r="AF32" s="845"/>
      <c r="AG32" s="846"/>
      <c r="AH32" s="846"/>
      <c r="AI32" s="846"/>
      <c r="AJ32" s="847"/>
      <c r="AK32" s="919"/>
      <c r="AL32" s="920"/>
      <c r="AM32" s="920"/>
      <c r="AN32" s="920"/>
      <c r="AO32" s="920"/>
      <c r="AP32" s="920"/>
      <c r="AQ32" s="920"/>
      <c r="AR32" s="920"/>
      <c r="AS32" s="920"/>
      <c r="AT32" s="920"/>
      <c r="AU32" s="920"/>
      <c r="AV32" s="920"/>
      <c r="AW32" s="920"/>
      <c r="AX32" s="920"/>
      <c r="AY32" s="920"/>
      <c r="AZ32" s="926"/>
      <c r="BA32" s="926"/>
      <c r="BB32" s="926"/>
      <c r="BC32" s="926"/>
      <c r="BD32" s="926"/>
      <c r="BE32" s="917"/>
      <c r="BF32" s="917"/>
      <c r="BG32" s="917"/>
      <c r="BH32" s="917"/>
      <c r="BI32" s="918"/>
      <c r="BJ32" s="253"/>
      <c r="BK32" s="253"/>
      <c r="BL32" s="253"/>
      <c r="BM32" s="253"/>
      <c r="BN32" s="253"/>
      <c r="BO32" s="266"/>
      <c r="BP32" s="266"/>
      <c r="BQ32" s="263">
        <v>
26</v>
      </c>
      <c r="BR32" s="264"/>
      <c r="BS32" s="852"/>
      <c r="BT32" s="853"/>
      <c r="BU32" s="853"/>
      <c r="BV32" s="853"/>
      <c r="BW32" s="853"/>
      <c r="BX32" s="853"/>
      <c r="BY32" s="853"/>
      <c r="BZ32" s="853"/>
      <c r="CA32" s="853"/>
      <c r="CB32" s="853"/>
      <c r="CC32" s="853"/>
      <c r="CD32" s="853"/>
      <c r="CE32" s="853"/>
      <c r="CF32" s="853"/>
      <c r="CG32" s="854"/>
      <c r="CH32" s="865"/>
      <c r="CI32" s="866"/>
      <c r="CJ32" s="866"/>
      <c r="CK32" s="866"/>
      <c r="CL32" s="867"/>
      <c r="CM32" s="865"/>
      <c r="CN32" s="866"/>
      <c r="CO32" s="866"/>
      <c r="CP32" s="866"/>
      <c r="CQ32" s="867"/>
      <c r="CR32" s="865"/>
      <c r="CS32" s="866"/>
      <c r="CT32" s="866"/>
      <c r="CU32" s="866"/>
      <c r="CV32" s="867"/>
      <c r="CW32" s="865"/>
      <c r="CX32" s="866"/>
      <c r="CY32" s="866"/>
      <c r="CZ32" s="866"/>
      <c r="DA32" s="867"/>
      <c r="DB32" s="865"/>
      <c r="DC32" s="866"/>
      <c r="DD32" s="866"/>
      <c r="DE32" s="866"/>
      <c r="DF32" s="867"/>
      <c r="DG32" s="865"/>
      <c r="DH32" s="866"/>
      <c r="DI32" s="866"/>
      <c r="DJ32" s="866"/>
      <c r="DK32" s="867"/>
      <c r="DL32" s="865"/>
      <c r="DM32" s="866"/>
      <c r="DN32" s="866"/>
      <c r="DO32" s="866"/>
      <c r="DP32" s="867"/>
      <c r="DQ32" s="865"/>
      <c r="DR32" s="866"/>
      <c r="DS32" s="866"/>
      <c r="DT32" s="866"/>
      <c r="DU32" s="867"/>
      <c r="DV32" s="868"/>
      <c r="DW32" s="869"/>
      <c r="DX32" s="869"/>
      <c r="DY32" s="869"/>
      <c r="DZ32" s="870"/>
      <c r="EA32" s="247"/>
    </row>
    <row r="33" spans="1:131" s="248" customFormat="1" ht="26.25" customHeight="1" x14ac:dyDescent="0.2">
      <c r="A33" s="267">
        <v>
6</v>
      </c>
      <c r="B33" s="839"/>
      <c r="C33" s="840"/>
      <c r="D33" s="840"/>
      <c r="E33" s="840"/>
      <c r="F33" s="840"/>
      <c r="G33" s="840"/>
      <c r="H33" s="840"/>
      <c r="I33" s="840"/>
      <c r="J33" s="840"/>
      <c r="K33" s="840"/>
      <c r="L33" s="840"/>
      <c r="M33" s="840"/>
      <c r="N33" s="840"/>
      <c r="O33" s="840"/>
      <c r="P33" s="841"/>
      <c r="Q33" s="842"/>
      <c r="R33" s="843"/>
      <c r="S33" s="843"/>
      <c r="T33" s="843"/>
      <c r="U33" s="843"/>
      <c r="V33" s="843"/>
      <c r="W33" s="843"/>
      <c r="X33" s="843"/>
      <c r="Y33" s="843"/>
      <c r="Z33" s="843"/>
      <c r="AA33" s="843"/>
      <c r="AB33" s="843"/>
      <c r="AC33" s="843"/>
      <c r="AD33" s="843"/>
      <c r="AE33" s="844"/>
      <c r="AF33" s="845"/>
      <c r="AG33" s="846"/>
      <c r="AH33" s="846"/>
      <c r="AI33" s="846"/>
      <c r="AJ33" s="847"/>
      <c r="AK33" s="919"/>
      <c r="AL33" s="920"/>
      <c r="AM33" s="920"/>
      <c r="AN33" s="920"/>
      <c r="AO33" s="920"/>
      <c r="AP33" s="920"/>
      <c r="AQ33" s="920"/>
      <c r="AR33" s="920"/>
      <c r="AS33" s="920"/>
      <c r="AT33" s="920"/>
      <c r="AU33" s="920"/>
      <c r="AV33" s="920"/>
      <c r="AW33" s="920"/>
      <c r="AX33" s="920"/>
      <c r="AY33" s="920"/>
      <c r="AZ33" s="926"/>
      <c r="BA33" s="926"/>
      <c r="BB33" s="926"/>
      <c r="BC33" s="926"/>
      <c r="BD33" s="926"/>
      <c r="BE33" s="917"/>
      <c r="BF33" s="917"/>
      <c r="BG33" s="917"/>
      <c r="BH33" s="917"/>
      <c r="BI33" s="918"/>
      <c r="BJ33" s="253"/>
      <c r="BK33" s="253"/>
      <c r="BL33" s="253"/>
      <c r="BM33" s="253"/>
      <c r="BN33" s="253"/>
      <c r="BO33" s="266"/>
      <c r="BP33" s="266"/>
      <c r="BQ33" s="263">
        <v>
27</v>
      </c>
      <c r="BR33" s="264"/>
      <c r="BS33" s="852"/>
      <c r="BT33" s="853"/>
      <c r="BU33" s="853"/>
      <c r="BV33" s="853"/>
      <c r="BW33" s="853"/>
      <c r="BX33" s="853"/>
      <c r="BY33" s="853"/>
      <c r="BZ33" s="853"/>
      <c r="CA33" s="853"/>
      <c r="CB33" s="853"/>
      <c r="CC33" s="853"/>
      <c r="CD33" s="853"/>
      <c r="CE33" s="853"/>
      <c r="CF33" s="853"/>
      <c r="CG33" s="854"/>
      <c r="CH33" s="865"/>
      <c r="CI33" s="866"/>
      <c r="CJ33" s="866"/>
      <c r="CK33" s="866"/>
      <c r="CL33" s="867"/>
      <c r="CM33" s="865"/>
      <c r="CN33" s="866"/>
      <c r="CO33" s="866"/>
      <c r="CP33" s="866"/>
      <c r="CQ33" s="867"/>
      <c r="CR33" s="865"/>
      <c r="CS33" s="866"/>
      <c r="CT33" s="866"/>
      <c r="CU33" s="866"/>
      <c r="CV33" s="867"/>
      <c r="CW33" s="865"/>
      <c r="CX33" s="866"/>
      <c r="CY33" s="866"/>
      <c r="CZ33" s="866"/>
      <c r="DA33" s="867"/>
      <c r="DB33" s="865"/>
      <c r="DC33" s="866"/>
      <c r="DD33" s="866"/>
      <c r="DE33" s="866"/>
      <c r="DF33" s="867"/>
      <c r="DG33" s="865"/>
      <c r="DH33" s="866"/>
      <c r="DI33" s="866"/>
      <c r="DJ33" s="866"/>
      <c r="DK33" s="867"/>
      <c r="DL33" s="865"/>
      <c r="DM33" s="866"/>
      <c r="DN33" s="866"/>
      <c r="DO33" s="866"/>
      <c r="DP33" s="867"/>
      <c r="DQ33" s="865"/>
      <c r="DR33" s="866"/>
      <c r="DS33" s="866"/>
      <c r="DT33" s="866"/>
      <c r="DU33" s="867"/>
      <c r="DV33" s="868"/>
      <c r="DW33" s="869"/>
      <c r="DX33" s="869"/>
      <c r="DY33" s="869"/>
      <c r="DZ33" s="870"/>
      <c r="EA33" s="247"/>
    </row>
    <row r="34" spans="1:131" s="248" customFormat="1" ht="26.25" customHeight="1" x14ac:dyDescent="0.2">
      <c r="A34" s="267">
        <v>
7</v>
      </c>
      <c r="B34" s="839"/>
      <c r="C34" s="840"/>
      <c r="D34" s="840"/>
      <c r="E34" s="840"/>
      <c r="F34" s="840"/>
      <c r="G34" s="840"/>
      <c r="H34" s="840"/>
      <c r="I34" s="840"/>
      <c r="J34" s="840"/>
      <c r="K34" s="840"/>
      <c r="L34" s="840"/>
      <c r="M34" s="840"/>
      <c r="N34" s="840"/>
      <c r="O34" s="840"/>
      <c r="P34" s="841"/>
      <c r="Q34" s="842"/>
      <c r="R34" s="843"/>
      <c r="S34" s="843"/>
      <c r="T34" s="843"/>
      <c r="U34" s="843"/>
      <c r="V34" s="843"/>
      <c r="W34" s="843"/>
      <c r="X34" s="843"/>
      <c r="Y34" s="843"/>
      <c r="Z34" s="843"/>
      <c r="AA34" s="843"/>
      <c r="AB34" s="843"/>
      <c r="AC34" s="843"/>
      <c r="AD34" s="843"/>
      <c r="AE34" s="844"/>
      <c r="AF34" s="845"/>
      <c r="AG34" s="846"/>
      <c r="AH34" s="846"/>
      <c r="AI34" s="846"/>
      <c r="AJ34" s="847"/>
      <c r="AK34" s="919"/>
      <c r="AL34" s="920"/>
      <c r="AM34" s="920"/>
      <c r="AN34" s="920"/>
      <c r="AO34" s="920"/>
      <c r="AP34" s="920"/>
      <c r="AQ34" s="920"/>
      <c r="AR34" s="920"/>
      <c r="AS34" s="920"/>
      <c r="AT34" s="920"/>
      <c r="AU34" s="920"/>
      <c r="AV34" s="920"/>
      <c r="AW34" s="920"/>
      <c r="AX34" s="920"/>
      <c r="AY34" s="920"/>
      <c r="AZ34" s="926"/>
      <c r="BA34" s="926"/>
      <c r="BB34" s="926"/>
      <c r="BC34" s="926"/>
      <c r="BD34" s="926"/>
      <c r="BE34" s="917"/>
      <c r="BF34" s="917"/>
      <c r="BG34" s="917"/>
      <c r="BH34" s="917"/>
      <c r="BI34" s="918"/>
      <c r="BJ34" s="253"/>
      <c r="BK34" s="253"/>
      <c r="BL34" s="253"/>
      <c r="BM34" s="253"/>
      <c r="BN34" s="253"/>
      <c r="BO34" s="266"/>
      <c r="BP34" s="266"/>
      <c r="BQ34" s="263">
        <v>
28</v>
      </c>
      <c r="BR34" s="264"/>
      <c r="BS34" s="852"/>
      <c r="BT34" s="853"/>
      <c r="BU34" s="853"/>
      <c r="BV34" s="853"/>
      <c r="BW34" s="853"/>
      <c r="BX34" s="853"/>
      <c r="BY34" s="853"/>
      <c r="BZ34" s="853"/>
      <c r="CA34" s="853"/>
      <c r="CB34" s="853"/>
      <c r="CC34" s="853"/>
      <c r="CD34" s="853"/>
      <c r="CE34" s="853"/>
      <c r="CF34" s="853"/>
      <c r="CG34" s="854"/>
      <c r="CH34" s="865"/>
      <c r="CI34" s="866"/>
      <c r="CJ34" s="866"/>
      <c r="CK34" s="866"/>
      <c r="CL34" s="867"/>
      <c r="CM34" s="865"/>
      <c r="CN34" s="866"/>
      <c r="CO34" s="866"/>
      <c r="CP34" s="866"/>
      <c r="CQ34" s="867"/>
      <c r="CR34" s="865"/>
      <c r="CS34" s="866"/>
      <c r="CT34" s="866"/>
      <c r="CU34" s="866"/>
      <c r="CV34" s="867"/>
      <c r="CW34" s="865"/>
      <c r="CX34" s="866"/>
      <c r="CY34" s="866"/>
      <c r="CZ34" s="866"/>
      <c r="DA34" s="867"/>
      <c r="DB34" s="865"/>
      <c r="DC34" s="866"/>
      <c r="DD34" s="866"/>
      <c r="DE34" s="866"/>
      <c r="DF34" s="867"/>
      <c r="DG34" s="865"/>
      <c r="DH34" s="866"/>
      <c r="DI34" s="866"/>
      <c r="DJ34" s="866"/>
      <c r="DK34" s="867"/>
      <c r="DL34" s="865"/>
      <c r="DM34" s="866"/>
      <c r="DN34" s="866"/>
      <c r="DO34" s="866"/>
      <c r="DP34" s="867"/>
      <c r="DQ34" s="865"/>
      <c r="DR34" s="866"/>
      <c r="DS34" s="866"/>
      <c r="DT34" s="866"/>
      <c r="DU34" s="867"/>
      <c r="DV34" s="868"/>
      <c r="DW34" s="869"/>
      <c r="DX34" s="869"/>
      <c r="DY34" s="869"/>
      <c r="DZ34" s="870"/>
      <c r="EA34" s="247"/>
    </row>
    <row r="35" spans="1:131" s="248" customFormat="1" ht="26.25" customHeight="1" x14ac:dyDescent="0.2">
      <c r="A35" s="267">
        <v>
8</v>
      </c>
      <c r="B35" s="839"/>
      <c r="C35" s="840"/>
      <c r="D35" s="840"/>
      <c r="E35" s="840"/>
      <c r="F35" s="840"/>
      <c r="G35" s="840"/>
      <c r="H35" s="840"/>
      <c r="I35" s="840"/>
      <c r="J35" s="840"/>
      <c r="K35" s="840"/>
      <c r="L35" s="840"/>
      <c r="M35" s="840"/>
      <c r="N35" s="840"/>
      <c r="O35" s="840"/>
      <c r="P35" s="841"/>
      <c r="Q35" s="842"/>
      <c r="R35" s="843"/>
      <c r="S35" s="843"/>
      <c r="T35" s="843"/>
      <c r="U35" s="843"/>
      <c r="V35" s="843"/>
      <c r="W35" s="843"/>
      <c r="X35" s="843"/>
      <c r="Y35" s="843"/>
      <c r="Z35" s="843"/>
      <c r="AA35" s="843"/>
      <c r="AB35" s="843"/>
      <c r="AC35" s="843"/>
      <c r="AD35" s="843"/>
      <c r="AE35" s="844"/>
      <c r="AF35" s="845"/>
      <c r="AG35" s="846"/>
      <c r="AH35" s="846"/>
      <c r="AI35" s="846"/>
      <c r="AJ35" s="847"/>
      <c r="AK35" s="919"/>
      <c r="AL35" s="920"/>
      <c r="AM35" s="920"/>
      <c r="AN35" s="920"/>
      <c r="AO35" s="920"/>
      <c r="AP35" s="920"/>
      <c r="AQ35" s="920"/>
      <c r="AR35" s="920"/>
      <c r="AS35" s="920"/>
      <c r="AT35" s="920"/>
      <c r="AU35" s="920"/>
      <c r="AV35" s="920"/>
      <c r="AW35" s="920"/>
      <c r="AX35" s="920"/>
      <c r="AY35" s="920"/>
      <c r="AZ35" s="926"/>
      <c r="BA35" s="926"/>
      <c r="BB35" s="926"/>
      <c r="BC35" s="926"/>
      <c r="BD35" s="926"/>
      <c r="BE35" s="917"/>
      <c r="BF35" s="917"/>
      <c r="BG35" s="917"/>
      <c r="BH35" s="917"/>
      <c r="BI35" s="918"/>
      <c r="BJ35" s="253"/>
      <c r="BK35" s="253"/>
      <c r="BL35" s="253"/>
      <c r="BM35" s="253"/>
      <c r="BN35" s="253"/>
      <c r="BO35" s="266"/>
      <c r="BP35" s="266"/>
      <c r="BQ35" s="263">
        <v>
29</v>
      </c>
      <c r="BR35" s="264"/>
      <c r="BS35" s="852"/>
      <c r="BT35" s="853"/>
      <c r="BU35" s="853"/>
      <c r="BV35" s="853"/>
      <c r="BW35" s="853"/>
      <c r="BX35" s="853"/>
      <c r="BY35" s="853"/>
      <c r="BZ35" s="853"/>
      <c r="CA35" s="853"/>
      <c r="CB35" s="853"/>
      <c r="CC35" s="853"/>
      <c r="CD35" s="853"/>
      <c r="CE35" s="853"/>
      <c r="CF35" s="853"/>
      <c r="CG35" s="854"/>
      <c r="CH35" s="865"/>
      <c r="CI35" s="866"/>
      <c r="CJ35" s="866"/>
      <c r="CK35" s="866"/>
      <c r="CL35" s="867"/>
      <c r="CM35" s="865"/>
      <c r="CN35" s="866"/>
      <c r="CO35" s="866"/>
      <c r="CP35" s="866"/>
      <c r="CQ35" s="867"/>
      <c r="CR35" s="865"/>
      <c r="CS35" s="866"/>
      <c r="CT35" s="866"/>
      <c r="CU35" s="866"/>
      <c r="CV35" s="867"/>
      <c r="CW35" s="865"/>
      <c r="CX35" s="866"/>
      <c r="CY35" s="866"/>
      <c r="CZ35" s="866"/>
      <c r="DA35" s="867"/>
      <c r="DB35" s="865"/>
      <c r="DC35" s="866"/>
      <c r="DD35" s="866"/>
      <c r="DE35" s="866"/>
      <c r="DF35" s="867"/>
      <c r="DG35" s="865"/>
      <c r="DH35" s="866"/>
      <c r="DI35" s="866"/>
      <c r="DJ35" s="866"/>
      <c r="DK35" s="867"/>
      <c r="DL35" s="865"/>
      <c r="DM35" s="866"/>
      <c r="DN35" s="866"/>
      <c r="DO35" s="866"/>
      <c r="DP35" s="867"/>
      <c r="DQ35" s="865"/>
      <c r="DR35" s="866"/>
      <c r="DS35" s="866"/>
      <c r="DT35" s="866"/>
      <c r="DU35" s="867"/>
      <c r="DV35" s="868"/>
      <c r="DW35" s="869"/>
      <c r="DX35" s="869"/>
      <c r="DY35" s="869"/>
      <c r="DZ35" s="870"/>
      <c r="EA35" s="247"/>
    </row>
    <row r="36" spans="1:131" s="248" customFormat="1" ht="26.25" customHeight="1" x14ac:dyDescent="0.2">
      <c r="A36" s="267">
        <v>
9</v>
      </c>
      <c r="B36" s="839"/>
      <c r="C36" s="840"/>
      <c r="D36" s="840"/>
      <c r="E36" s="840"/>
      <c r="F36" s="840"/>
      <c r="G36" s="840"/>
      <c r="H36" s="840"/>
      <c r="I36" s="840"/>
      <c r="J36" s="840"/>
      <c r="K36" s="840"/>
      <c r="L36" s="840"/>
      <c r="M36" s="840"/>
      <c r="N36" s="840"/>
      <c r="O36" s="840"/>
      <c r="P36" s="841"/>
      <c r="Q36" s="842"/>
      <c r="R36" s="843"/>
      <c r="S36" s="843"/>
      <c r="T36" s="843"/>
      <c r="U36" s="843"/>
      <c r="V36" s="843"/>
      <c r="W36" s="843"/>
      <c r="X36" s="843"/>
      <c r="Y36" s="843"/>
      <c r="Z36" s="843"/>
      <c r="AA36" s="843"/>
      <c r="AB36" s="843"/>
      <c r="AC36" s="843"/>
      <c r="AD36" s="843"/>
      <c r="AE36" s="844"/>
      <c r="AF36" s="845"/>
      <c r="AG36" s="846"/>
      <c r="AH36" s="846"/>
      <c r="AI36" s="846"/>
      <c r="AJ36" s="847"/>
      <c r="AK36" s="919"/>
      <c r="AL36" s="920"/>
      <c r="AM36" s="920"/>
      <c r="AN36" s="920"/>
      <c r="AO36" s="920"/>
      <c r="AP36" s="920"/>
      <c r="AQ36" s="920"/>
      <c r="AR36" s="920"/>
      <c r="AS36" s="920"/>
      <c r="AT36" s="920"/>
      <c r="AU36" s="920"/>
      <c r="AV36" s="920"/>
      <c r="AW36" s="920"/>
      <c r="AX36" s="920"/>
      <c r="AY36" s="920"/>
      <c r="AZ36" s="926"/>
      <c r="BA36" s="926"/>
      <c r="BB36" s="926"/>
      <c r="BC36" s="926"/>
      <c r="BD36" s="926"/>
      <c r="BE36" s="917"/>
      <c r="BF36" s="917"/>
      <c r="BG36" s="917"/>
      <c r="BH36" s="917"/>
      <c r="BI36" s="918"/>
      <c r="BJ36" s="253"/>
      <c r="BK36" s="253"/>
      <c r="BL36" s="253"/>
      <c r="BM36" s="253"/>
      <c r="BN36" s="253"/>
      <c r="BO36" s="266"/>
      <c r="BP36" s="266"/>
      <c r="BQ36" s="263">
        <v>
30</v>
      </c>
      <c r="BR36" s="264"/>
      <c r="BS36" s="852"/>
      <c r="BT36" s="853"/>
      <c r="BU36" s="853"/>
      <c r="BV36" s="853"/>
      <c r="BW36" s="853"/>
      <c r="BX36" s="853"/>
      <c r="BY36" s="853"/>
      <c r="BZ36" s="853"/>
      <c r="CA36" s="853"/>
      <c r="CB36" s="853"/>
      <c r="CC36" s="853"/>
      <c r="CD36" s="853"/>
      <c r="CE36" s="853"/>
      <c r="CF36" s="853"/>
      <c r="CG36" s="854"/>
      <c r="CH36" s="865"/>
      <c r="CI36" s="866"/>
      <c r="CJ36" s="866"/>
      <c r="CK36" s="866"/>
      <c r="CL36" s="867"/>
      <c r="CM36" s="865"/>
      <c r="CN36" s="866"/>
      <c r="CO36" s="866"/>
      <c r="CP36" s="866"/>
      <c r="CQ36" s="867"/>
      <c r="CR36" s="865"/>
      <c r="CS36" s="866"/>
      <c r="CT36" s="866"/>
      <c r="CU36" s="866"/>
      <c r="CV36" s="867"/>
      <c r="CW36" s="865"/>
      <c r="CX36" s="866"/>
      <c r="CY36" s="866"/>
      <c r="CZ36" s="866"/>
      <c r="DA36" s="867"/>
      <c r="DB36" s="865"/>
      <c r="DC36" s="866"/>
      <c r="DD36" s="866"/>
      <c r="DE36" s="866"/>
      <c r="DF36" s="867"/>
      <c r="DG36" s="865"/>
      <c r="DH36" s="866"/>
      <c r="DI36" s="866"/>
      <c r="DJ36" s="866"/>
      <c r="DK36" s="867"/>
      <c r="DL36" s="865"/>
      <c r="DM36" s="866"/>
      <c r="DN36" s="866"/>
      <c r="DO36" s="866"/>
      <c r="DP36" s="867"/>
      <c r="DQ36" s="865"/>
      <c r="DR36" s="866"/>
      <c r="DS36" s="866"/>
      <c r="DT36" s="866"/>
      <c r="DU36" s="867"/>
      <c r="DV36" s="868"/>
      <c r="DW36" s="869"/>
      <c r="DX36" s="869"/>
      <c r="DY36" s="869"/>
      <c r="DZ36" s="870"/>
      <c r="EA36" s="247"/>
    </row>
    <row r="37" spans="1:131" s="248" customFormat="1" ht="26.25" customHeight="1" x14ac:dyDescent="0.2">
      <c r="A37" s="267">
        <v>
10</v>
      </c>
      <c r="B37" s="839"/>
      <c r="C37" s="840"/>
      <c r="D37" s="840"/>
      <c r="E37" s="840"/>
      <c r="F37" s="840"/>
      <c r="G37" s="840"/>
      <c r="H37" s="840"/>
      <c r="I37" s="840"/>
      <c r="J37" s="840"/>
      <c r="K37" s="840"/>
      <c r="L37" s="840"/>
      <c r="M37" s="840"/>
      <c r="N37" s="840"/>
      <c r="O37" s="840"/>
      <c r="P37" s="841"/>
      <c r="Q37" s="842"/>
      <c r="R37" s="843"/>
      <c r="S37" s="843"/>
      <c r="T37" s="843"/>
      <c r="U37" s="843"/>
      <c r="V37" s="843"/>
      <c r="W37" s="843"/>
      <c r="X37" s="843"/>
      <c r="Y37" s="843"/>
      <c r="Z37" s="843"/>
      <c r="AA37" s="843"/>
      <c r="AB37" s="843"/>
      <c r="AC37" s="843"/>
      <c r="AD37" s="843"/>
      <c r="AE37" s="844"/>
      <c r="AF37" s="845"/>
      <c r="AG37" s="846"/>
      <c r="AH37" s="846"/>
      <c r="AI37" s="846"/>
      <c r="AJ37" s="847"/>
      <c r="AK37" s="919"/>
      <c r="AL37" s="920"/>
      <c r="AM37" s="920"/>
      <c r="AN37" s="920"/>
      <c r="AO37" s="920"/>
      <c r="AP37" s="920"/>
      <c r="AQ37" s="920"/>
      <c r="AR37" s="920"/>
      <c r="AS37" s="920"/>
      <c r="AT37" s="920"/>
      <c r="AU37" s="920"/>
      <c r="AV37" s="920"/>
      <c r="AW37" s="920"/>
      <c r="AX37" s="920"/>
      <c r="AY37" s="920"/>
      <c r="AZ37" s="926"/>
      <c r="BA37" s="926"/>
      <c r="BB37" s="926"/>
      <c r="BC37" s="926"/>
      <c r="BD37" s="926"/>
      <c r="BE37" s="917"/>
      <c r="BF37" s="917"/>
      <c r="BG37" s="917"/>
      <c r="BH37" s="917"/>
      <c r="BI37" s="918"/>
      <c r="BJ37" s="253"/>
      <c r="BK37" s="253"/>
      <c r="BL37" s="253"/>
      <c r="BM37" s="253"/>
      <c r="BN37" s="253"/>
      <c r="BO37" s="266"/>
      <c r="BP37" s="266"/>
      <c r="BQ37" s="263">
        <v>
31</v>
      </c>
      <c r="BR37" s="264"/>
      <c r="BS37" s="852"/>
      <c r="BT37" s="853"/>
      <c r="BU37" s="853"/>
      <c r="BV37" s="853"/>
      <c r="BW37" s="853"/>
      <c r="BX37" s="853"/>
      <c r="BY37" s="853"/>
      <c r="BZ37" s="853"/>
      <c r="CA37" s="853"/>
      <c r="CB37" s="853"/>
      <c r="CC37" s="853"/>
      <c r="CD37" s="853"/>
      <c r="CE37" s="853"/>
      <c r="CF37" s="853"/>
      <c r="CG37" s="854"/>
      <c r="CH37" s="865"/>
      <c r="CI37" s="866"/>
      <c r="CJ37" s="866"/>
      <c r="CK37" s="866"/>
      <c r="CL37" s="867"/>
      <c r="CM37" s="865"/>
      <c r="CN37" s="866"/>
      <c r="CO37" s="866"/>
      <c r="CP37" s="866"/>
      <c r="CQ37" s="867"/>
      <c r="CR37" s="865"/>
      <c r="CS37" s="866"/>
      <c r="CT37" s="866"/>
      <c r="CU37" s="866"/>
      <c r="CV37" s="867"/>
      <c r="CW37" s="865"/>
      <c r="CX37" s="866"/>
      <c r="CY37" s="866"/>
      <c r="CZ37" s="866"/>
      <c r="DA37" s="867"/>
      <c r="DB37" s="865"/>
      <c r="DC37" s="866"/>
      <c r="DD37" s="866"/>
      <c r="DE37" s="866"/>
      <c r="DF37" s="867"/>
      <c r="DG37" s="865"/>
      <c r="DH37" s="866"/>
      <c r="DI37" s="866"/>
      <c r="DJ37" s="866"/>
      <c r="DK37" s="867"/>
      <c r="DL37" s="865"/>
      <c r="DM37" s="866"/>
      <c r="DN37" s="866"/>
      <c r="DO37" s="866"/>
      <c r="DP37" s="867"/>
      <c r="DQ37" s="865"/>
      <c r="DR37" s="866"/>
      <c r="DS37" s="866"/>
      <c r="DT37" s="866"/>
      <c r="DU37" s="867"/>
      <c r="DV37" s="868"/>
      <c r="DW37" s="869"/>
      <c r="DX37" s="869"/>
      <c r="DY37" s="869"/>
      <c r="DZ37" s="870"/>
      <c r="EA37" s="247"/>
    </row>
    <row r="38" spans="1:131" s="248" customFormat="1" ht="26.25" customHeight="1" x14ac:dyDescent="0.2">
      <c r="A38" s="267">
        <v>
11</v>
      </c>
      <c r="B38" s="839"/>
      <c r="C38" s="840"/>
      <c r="D38" s="840"/>
      <c r="E38" s="840"/>
      <c r="F38" s="840"/>
      <c r="G38" s="840"/>
      <c r="H38" s="840"/>
      <c r="I38" s="840"/>
      <c r="J38" s="840"/>
      <c r="K38" s="840"/>
      <c r="L38" s="840"/>
      <c r="M38" s="840"/>
      <c r="N38" s="840"/>
      <c r="O38" s="840"/>
      <c r="P38" s="841"/>
      <c r="Q38" s="842"/>
      <c r="R38" s="843"/>
      <c r="S38" s="843"/>
      <c r="T38" s="843"/>
      <c r="U38" s="843"/>
      <c r="V38" s="843"/>
      <c r="W38" s="843"/>
      <c r="X38" s="843"/>
      <c r="Y38" s="843"/>
      <c r="Z38" s="843"/>
      <c r="AA38" s="843"/>
      <c r="AB38" s="843"/>
      <c r="AC38" s="843"/>
      <c r="AD38" s="843"/>
      <c r="AE38" s="844"/>
      <c r="AF38" s="845"/>
      <c r="AG38" s="846"/>
      <c r="AH38" s="846"/>
      <c r="AI38" s="846"/>
      <c r="AJ38" s="847"/>
      <c r="AK38" s="919"/>
      <c r="AL38" s="920"/>
      <c r="AM38" s="920"/>
      <c r="AN38" s="920"/>
      <c r="AO38" s="920"/>
      <c r="AP38" s="920"/>
      <c r="AQ38" s="920"/>
      <c r="AR38" s="920"/>
      <c r="AS38" s="920"/>
      <c r="AT38" s="920"/>
      <c r="AU38" s="920"/>
      <c r="AV38" s="920"/>
      <c r="AW38" s="920"/>
      <c r="AX38" s="920"/>
      <c r="AY38" s="920"/>
      <c r="AZ38" s="926"/>
      <c r="BA38" s="926"/>
      <c r="BB38" s="926"/>
      <c r="BC38" s="926"/>
      <c r="BD38" s="926"/>
      <c r="BE38" s="917"/>
      <c r="BF38" s="917"/>
      <c r="BG38" s="917"/>
      <c r="BH38" s="917"/>
      <c r="BI38" s="918"/>
      <c r="BJ38" s="253"/>
      <c r="BK38" s="253"/>
      <c r="BL38" s="253"/>
      <c r="BM38" s="253"/>
      <c r="BN38" s="253"/>
      <c r="BO38" s="266"/>
      <c r="BP38" s="266"/>
      <c r="BQ38" s="263">
        <v>
32</v>
      </c>
      <c r="BR38" s="264"/>
      <c r="BS38" s="852"/>
      <c r="BT38" s="853"/>
      <c r="BU38" s="853"/>
      <c r="BV38" s="853"/>
      <c r="BW38" s="853"/>
      <c r="BX38" s="853"/>
      <c r="BY38" s="853"/>
      <c r="BZ38" s="853"/>
      <c r="CA38" s="853"/>
      <c r="CB38" s="853"/>
      <c r="CC38" s="853"/>
      <c r="CD38" s="853"/>
      <c r="CE38" s="853"/>
      <c r="CF38" s="853"/>
      <c r="CG38" s="854"/>
      <c r="CH38" s="865"/>
      <c r="CI38" s="866"/>
      <c r="CJ38" s="866"/>
      <c r="CK38" s="866"/>
      <c r="CL38" s="867"/>
      <c r="CM38" s="865"/>
      <c r="CN38" s="866"/>
      <c r="CO38" s="866"/>
      <c r="CP38" s="866"/>
      <c r="CQ38" s="867"/>
      <c r="CR38" s="865"/>
      <c r="CS38" s="866"/>
      <c r="CT38" s="866"/>
      <c r="CU38" s="866"/>
      <c r="CV38" s="867"/>
      <c r="CW38" s="865"/>
      <c r="CX38" s="866"/>
      <c r="CY38" s="866"/>
      <c r="CZ38" s="866"/>
      <c r="DA38" s="867"/>
      <c r="DB38" s="865"/>
      <c r="DC38" s="866"/>
      <c r="DD38" s="866"/>
      <c r="DE38" s="866"/>
      <c r="DF38" s="867"/>
      <c r="DG38" s="865"/>
      <c r="DH38" s="866"/>
      <c r="DI38" s="866"/>
      <c r="DJ38" s="866"/>
      <c r="DK38" s="867"/>
      <c r="DL38" s="865"/>
      <c r="DM38" s="866"/>
      <c r="DN38" s="866"/>
      <c r="DO38" s="866"/>
      <c r="DP38" s="867"/>
      <c r="DQ38" s="865"/>
      <c r="DR38" s="866"/>
      <c r="DS38" s="866"/>
      <c r="DT38" s="866"/>
      <c r="DU38" s="867"/>
      <c r="DV38" s="868"/>
      <c r="DW38" s="869"/>
      <c r="DX38" s="869"/>
      <c r="DY38" s="869"/>
      <c r="DZ38" s="870"/>
      <c r="EA38" s="247"/>
    </row>
    <row r="39" spans="1:131" s="248" customFormat="1" ht="26.25" customHeight="1" x14ac:dyDescent="0.2">
      <c r="A39" s="267">
        <v>
12</v>
      </c>
      <c r="B39" s="839"/>
      <c r="C39" s="840"/>
      <c r="D39" s="840"/>
      <c r="E39" s="840"/>
      <c r="F39" s="840"/>
      <c r="G39" s="840"/>
      <c r="H39" s="840"/>
      <c r="I39" s="840"/>
      <c r="J39" s="840"/>
      <c r="K39" s="840"/>
      <c r="L39" s="840"/>
      <c r="M39" s="840"/>
      <c r="N39" s="840"/>
      <c r="O39" s="840"/>
      <c r="P39" s="841"/>
      <c r="Q39" s="842"/>
      <c r="R39" s="843"/>
      <c r="S39" s="843"/>
      <c r="T39" s="843"/>
      <c r="U39" s="843"/>
      <c r="V39" s="843"/>
      <c r="W39" s="843"/>
      <c r="X39" s="843"/>
      <c r="Y39" s="843"/>
      <c r="Z39" s="843"/>
      <c r="AA39" s="843"/>
      <c r="AB39" s="843"/>
      <c r="AC39" s="843"/>
      <c r="AD39" s="843"/>
      <c r="AE39" s="844"/>
      <c r="AF39" s="845"/>
      <c r="AG39" s="846"/>
      <c r="AH39" s="846"/>
      <c r="AI39" s="846"/>
      <c r="AJ39" s="847"/>
      <c r="AK39" s="919"/>
      <c r="AL39" s="920"/>
      <c r="AM39" s="920"/>
      <c r="AN39" s="920"/>
      <c r="AO39" s="920"/>
      <c r="AP39" s="920"/>
      <c r="AQ39" s="920"/>
      <c r="AR39" s="920"/>
      <c r="AS39" s="920"/>
      <c r="AT39" s="920"/>
      <c r="AU39" s="920"/>
      <c r="AV39" s="920"/>
      <c r="AW39" s="920"/>
      <c r="AX39" s="920"/>
      <c r="AY39" s="920"/>
      <c r="AZ39" s="926"/>
      <c r="BA39" s="926"/>
      <c r="BB39" s="926"/>
      <c r="BC39" s="926"/>
      <c r="BD39" s="926"/>
      <c r="BE39" s="917"/>
      <c r="BF39" s="917"/>
      <c r="BG39" s="917"/>
      <c r="BH39" s="917"/>
      <c r="BI39" s="918"/>
      <c r="BJ39" s="253"/>
      <c r="BK39" s="253"/>
      <c r="BL39" s="253"/>
      <c r="BM39" s="253"/>
      <c r="BN39" s="253"/>
      <c r="BO39" s="266"/>
      <c r="BP39" s="266"/>
      <c r="BQ39" s="263">
        <v>
33</v>
      </c>
      <c r="BR39" s="264"/>
      <c r="BS39" s="852"/>
      <c r="BT39" s="853"/>
      <c r="BU39" s="853"/>
      <c r="BV39" s="853"/>
      <c r="BW39" s="853"/>
      <c r="BX39" s="853"/>
      <c r="BY39" s="853"/>
      <c r="BZ39" s="853"/>
      <c r="CA39" s="853"/>
      <c r="CB39" s="853"/>
      <c r="CC39" s="853"/>
      <c r="CD39" s="853"/>
      <c r="CE39" s="853"/>
      <c r="CF39" s="853"/>
      <c r="CG39" s="854"/>
      <c r="CH39" s="865"/>
      <c r="CI39" s="866"/>
      <c r="CJ39" s="866"/>
      <c r="CK39" s="866"/>
      <c r="CL39" s="867"/>
      <c r="CM39" s="865"/>
      <c r="CN39" s="866"/>
      <c r="CO39" s="866"/>
      <c r="CP39" s="866"/>
      <c r="CQ39" s="867"/>
      <c r="CR39" s="865"/>
      <c r="CS39" s="866"/>
      <c r="CT39" s="866"/>
      <c r="CU39" s="866"/>
      <c r="CV39" s="867"/>
      <c r="CW39" s="865"/>
      <c r="CX39" s="866"/>
      <c r="CY39" s="866"/>
      <c r="CZ39" s="866"/>
      <c r="DA39" s="867"/>
      <c r="DB39" s="865"/>
      <c r="DC39" s="866"/>
      <c r="DD39" s="866"/>
      <c r="DE39" s="866"/>
      <c r="DF39" s="867"/>
      <c r="DG39" s="865"/>
      <c r="DH39" s="866"/>
      <c r="DI39" s="866"/>
      <c r="DJ39" s="866"/>
      <c r="DK39" s="867"/>
      <c r="DL39" s="865"/>
      <c r="DM39" s="866"/>
      <c r="DN39" s="866"/>
      <c r="DO39" s="866"/>
      <c r="DP39" s="867"/>
      <c r="DQ39" s="865"/>
      <c r="DR39" s="866"/>
      <c r="DS39" s="866"/>
      <c r="DT39" s="866"/>
      <c r="DU39" s="867"/>
      <c r="DV39" s="868"/>
      <c r="DW39" s="869"/>
      <c r="DX39" s="869"/>
      <c r="DY39" s="869"/>
      <c r="DZ39" s="870"/>
      <c r="EA39" s="247"/>
    </row>
    <row r="40" spans="1:131" s="248" customFormat="1" ht="26.25" customHeight="1" x14ac:dyDescent="0.2">
      <c r="A40" s="262">
        <v>
13</v>
      </c>
      <c r="B40" s="839"/>
      <c r="C40" s="840"/>
      <c r="D40" s="840"/>
      <c r="E40" s="840"/>
      <c r="F40" s="840"/>
      <c r="G40" s="840"/>
      <c r="H40" s="840"/>
      <c r="I40" s="840"/>
      <c r="J40" s="840"/>
      <c r="K40" s="840"/>
      <c r="L40" s="840"/>
      <c r="M40" s="840"/>
      <c r="N40" s="840"/>
      <c r="O40" s="840"/>
      <c r="P40" s="841"/>
      <c r="Q40" s="842"/>
      <c r="R40" s="843"/>
      <c r="S40" s="843"/>
      <c r="T40" s="843"/>
      <c r="U40" s="843"/>
      <c r="V40" s="843"/>
      <c r="W40" s="843"/>
      <c r="X40" s="843"/>
      <c r="Y40" s="843"/>
      <c r="Z40" s="843"/>
      <c r="AA40" s="843"/>
      <c r="AB40" s="843"/>
      <c r="AC40" s="843"/>
      <c r="AD40" s="843"/>
      <c r="AE40" s="844"/>
      <c r="AF40" s="845"/>
      <c r="AG40" s="846"/>
      <c r="AH40" s="846"/>
      <c r="AI40" s="846"/>
      <c r="AJ40" s="847"/>
      <c r="AK40" s="919"/>
      <c r="AL40" s="920"/>
      <c r="AM40" s="920"/>
      <c r="AN40" s="920"/>
      <c r="AO40" s="920"/>
      <c r="AP40" s="920"/>
      <c r="AQ40" s="920"/>
      <c r="AR40" s="920"/>
      <c r="AS40" s="920"/>
      <c r="AT40" s="920"/>
      <c r="AU40" s="920"/>
      <c r="AV40" s="920"/>
      <c r="AW40" s="920"/>
      <c r="AX40" s="920"/>
      <c r="AY40" s="920"/>
      <c r="AZ40" s="926"/>
      <c r="BA40" s="926"/>
      <c r="BB40" s="926"/>
      <c r="BC40" s="926"/>
      <c r="BD40" s="926"/>
      <c r="BE40" s="917"/>
      <c r="BF40" s="917"/>
      <c r="BG40" s="917"/>
      <c r="BH40" s="917"/>
      <c r="BI40" s="918"/>
      <c r="BJ40" s="253"/>
      <c r="BK40" s="253"/>
      <c r="BL40" s="253"/>
      <c r="BM40" s="253"/>
      <c r="BN40" s="253"/>
      <c r="BO40" s="266"/>
      <c r="BP40" s="266"/>
      <c r="BQ40" s="263">
        <v>
34</v>
      </c>
      <c r="BR40" s="264"/>
      <c r="BS40" s="852"/>
      <c r="BT40" s="853"/>
      <c r="BU40" s="853"/>
      <c r="BV40" s="853"/>
      <c r="BW40" s="853"/>
      <c r="BX40" s="853"/>
      <c r="BY40" s="853"/>
      <c r="BZ40" s="853"/>
      <c r="CA40" s="853"/>
      <c r="CB40" s="853"/>
      <c r="CC40" s="853"/>
      <c r="CD40" s="853"/>
      <c r="CE40" s="853"/>
      <c r="CF40" s="853"/>
      <c r="CG40" s="854"/>
      <c r="CH40" s="865"/>
      <c r="CI40" s="866"/>
      <c r="CJ40" s="866"/>
      <c r="CK40" s="866"/>
      <c r="CL40" s="867"/>
      <c r="CM40" s="865"/>
      <c r="CN40" s="866"/>
      <c r="CO40" s="866"/>
      <c r="CP40" s="866"/>
      <c r="CQ40" s="867"/>
      <c r="CR40" s="865"/>
      <c r="CS40" s="866"/>
      <c r="CT40" s="866"/>
      <c r="CU40" s="866"/>
      <c r="CV40" s="867"/>
      <c r="CW40" s="865"/>
      <c r="CX40" s="866"/>
      <c r="CY40" s="866"/>
      <c r="CZ40" s="866"/>
      <c r="DA40" s="867"/>
      <c r="DB40" s="865"/>
      <c r="DC40" s="866"/>
      <c r="DD40" s="866"/>
      <c r="DE40" s="866"/>
      <c r="DF40" s="867"/>
      <c r="DG40" s="865"/>
      <c r="DH40" s="866"/>
      <c r="DI40" s="866"/>
      <c r="DJ40" s="866"/>
      <c r="DK40" s="867"/>
      <c r="DL40" s="865"/>
      <c r="DM40" s="866"/>
      <c r="DN40" s="866"/>
      <c r="DO40" s="866"/>
      <c r="DP40" s="867"/>
      <c r="DQ40" s="865"/>
      <c r="DR40" s="866"/>
      <c r="DS40" s="866"/>
      <c r="DT40" s="866"/>
      <c r="DU40" s="867"/>
      <c r="DV40" s="868"/>
      <c r="DW40" s="869"/>
      <c r="DX40" s="869"/>
      <c r="DY40" s="869"/>
      <c r="DZ40" s="870"/>
      <c r="EA40" s="247"/>
    </row>
    <row r="41" spans="1:131" s="248" customFormat="1" ht="26.25" customHeight="1" x14ac:dyDescent="0.2">
      <c r="A41" s="262">
        <v>
14</v>
      </c>
      <c r="B41" s="839"/>
      <c r="C41" s="840"/>
      <c r="D41" s="840"/>
      <c r="E41" s="840"/>
      <c r="F41" s="840"/>
      <c r="G41" s="840"/>
      <c r="H41" s="840"/>
      <c r="I41" s="840"/>
      <c r="J41" s="840"/>
      <c r="K41" s="840"/>
      <c r="L41" s="840"/>
      <c r="M41" s="840"/>
      <c r="N41" s="840"/>
      <c r="O41" s="840"/>
      <c r="P41" s="841"/>
      <c r="Q41" s="842"/>
      <c r="R41" s="843"/>
      <c r="S41" s="843"/>
      <c r="T41" s="843"/>
      <c r="U41" s="843"/>
      <c r="V41" s="843"/>
      <c r="W41" s="843"/>
      <c r="X41" s="843"/>
      <c r="Y41" s="843"/>
      <c r="Z41" s="843"/>
      <c r="AA41" s="843"/>
      <c r="AB41" s="843"/>
      <c r="AC41" s="843"/>
      <c r="AD41" s="843"/>
      <c r="AE41" s="844"/>
      <c r="AF41" s="845"/>
      <c r="AG41" s="846"/>
      <c r="AH41" s="846"/>
      <c r="AI41" s="846"/>
      <c r="AJ41" s="847"/>
      <c r="AK41" s="919"/>
      <c r="AL41" s="920"/>
      <c r="AM41" s="920"/>
      <c r="AN41" s="920"/>
      <c r="AO41" s="920"/>
      <c r="AP41" s="920"/>
      <c r="AQ41" s="920"/>
      <c r="AR41" s="920"/>
      <c r="AS41" s="920"/>
      <c r="AT41" s="920"/>
      <c r="AU41" s="920"/>
      <c r="AV41" s="920"/>
      <c r="AW41" s="920"/>
      <c r="AX41" s="920"/>
      <c r="AY41" s="920"/>
      <c r="AZ41" s="926"/>
      <c r="BA41" s="926"/>
      <c r="BB41" s="926"/>
      <c r="BC41" s="926"/>
      <c r="BD41" s="926"/>
      <c r="BE41" s="917"/>
      <c r="BF41" s="917"/>
      <c r="BG41" s="917"/>
      <c r="BH41" s="917"/>
      <c r="BI41" s="918"/>
      <c r="BJ41" s="253"/>
      <c r="BK41" s="253"/>
      <c r="BL41" s="253"/>
      <c r="BM41" s="253"/>
      <c r="BN41" s="253"/>
      <c r="BO41" s="266"/>
      <c r="BP41" s="266"/>
      <c r="BQ41" s="263">
        <v>
35</v>
      </c>
      <c r="BR41" s="264"/>
      <c r="BS41" s="852"/>
      <c r="BT41" s="853"/>
      <c r="BU41" s="853"/>
      <c r="BV41" s="853"/>
      <c r="BW41" s="853"/>
      <c r="BX41" s="853"/>
      <c r="BY41" s="853"/>
      <c r="BZ41" s="853"/>
      <c r="CA41" s="853"/>
      <c r="CB41" s="853"/>
      <c r="CC41" s="853"/>
      <c r="CD41" s="853"/>
      <c r="CE41" s="853"/>
      <c r="CF41" s="853"/>
      <c r="CG41" s="854"/>
      <c r="CH41" s="865"/>
      <c r="CI41" s="866"/>
      <c r="CJ41" s="866"/>
      <c r="CK41" s="866"/>
      <c r="CL41" s="867"/>
      <c r="CM41" s="865"/>
      <c r="CN41" s="866"/>
      <c r="CO41" s="866"/>
      <c r="CP41" s="866"/>
      <c r="CQ41" s="867"/>
      <c r="CR41" s="865"/>
      <c r="CS41" s="866"/>
      <c r="CT41" s="866"/>
      <c r="CU41" s="866"/>
      <c r="CV41" s="867"/>
      <c r="CW41" s="865"/>
      <c r="CX41" s="866"/>
      <c r="CY41" s="866"/>
      <c r="CZ41" s="866"/>
      <c r="DA41" s="867"/>
      <c r="DB41" s="865"/>
      <c r="DC41" s="866"/>
      <c r="DD41" s="866"/>
      <c r="DE41" s="866"/>
      <c r="DF41" s="867"/>
      <c r="DG41" s="865"/>
      <c r="DH41" s="866"/>
      <c r="DI41" s="866"/>
      <c r="DJ41" s="866"/>
      <c r="DK41" s="867"/>
      <c r="DL41" s="865"/>
      <c r="DM41" s="866"/>
      <c r="DN41" s="866"/>
      <c r="DO41" s="866"/>
      <c r="DP41" s="867"/>
      <c r="DQ41" s="865"/>
      <c r="DR41" s="866"/>
      <c r="DS41" s="866"/>
      <c r="DT41" s="866"/>
      <c r="DU41" s="867"/>
      <c r="DV41" s="868"/>
      <c r="DW41" s="869"/>
      <c r="DX41" s="869"/>
      <c r="DY41" s="869"/>
      <c r="DZ41" s="870"/>
      <c r="EA41" s="247"/>
    </row>
    <row r="42" spans="1:131" s="248" customFormat="1" ht="26.25" customHeight="1" x14ac:dyDescent="0.2">
      <c r="A42" s="262">
        <v>
15</v>
      </c>
      <c r="B42" s="839"/>
      <c r="C42" s="840"/>
      <c r="D42" s="840"/>
      <c r="E42" s="840"/>
      <c r="F42" s="840"/>
      <c r="G42" s="840"/>
      <c r="H42" s="840"/>
      <c r="I42" s="840"/>
      <c r="J42" s="840"/>
      <c r="K42" s="840"/>
      <c r="L42" s="840"/>
      <c r="M42" s="840"/>
      <c r="N42" s="840"/>
      <c r="O42" s="840"/>
      <c r="P42" s="841"/>
      <c r="Q42" s="842"/>
      <c r="R42" s="843"/>
      <c r="S42" s="843"/>
      <c r="T42" s="843"/>
      <c r="U42" s="843"/>
      <c r="V42" s="843"/>
      <c r="W42" s="843"/>
      <c r="X42" s="843"/>
      <c r="Y42" s="843"/>
      <c r="Z42" s="843"/>
      <c r="AA42" s="843"/>
      <c r="AB42" s="843"/>
      <c r="AC42" s="843"/>
      <c r="AD42" s="843"/>
      <c r="AE42" s="844"/>
      <c r="AF42" s="845"/>
      <c r="AG42" s="846"/>
      <c r="AH42" s="846"/>
      <c r="AI42" s="846"/>
      <c r="AJ42" s="847"/>
      <c r="AK42" s="919"/>
      <c r="AL42" s="920"/>
      <c r="AM42" s="920"/>
      <c r="AN42" s="920"/>
      <c r="AO42" s="920"/>
      <c r="AP42" s="920"/>
      <c r="AQ42" s="920"/>
      <c r="AR42" s="920"/>
      <c r="AS42" s="920"/>
      <c r="AT42" s="920"/>
      <c r="AU42" s="920"/>
      <c r="AV42" s="920"/>
      <c r="AW42" s="920"/>
      <c r="AX42" s="920"/>
      <c r="AY42" s="920"/>
      <c r="AZ42" s="926"/>
      <c r="BA42" s="926"/>
      <c r="BB42" s="926"/>
      <c r="BC42" s="926"/>
      <c r="BD42" s="926"/>
      <c r="BE42" s="917"/>
      <c r="BF42" s="917"/>
      <c r="BG42" s="917"/>
      <c r="BH42" s="917"/>
      <c r="BI42" s="918"/>
      <c r="BJ42" s="253"/>
      <c r="BK42" s="253"/>
      <c r="BL42" s="253"/>
      <c r="BM42" s="253"/>
      <c r="BN42" s="253"/>
      <c r="BO42" s="266"/>
      <c r="BP42" s="266"/>
      <c r="BQ42" s="263">
        <v>
36</v>
      </c>
      <c r="BR42" s="264"/>
      <c r="BS42" s="852"/>
      <c r="BT42" s="853"/>
      <c r="BU42" s="853"/>
      <c r="BV42" s="853"/>
      <c r="BW42" s="853"/>
      <c r="BX42" s="853"/>
      <c r="BY42" s="853"/>
      <c r="BZ42" s="853"/>
      <c r="CA42" s="853"/>
      <c r="CB42" s="853"/>
      <c r="CC42" s="853"/>
      <c r="CD42" s="853"/>
      <c r="CE42" s="853"/>
      <c r="CF42" s="853"/>
      <c r="CG42" s="854"/>
      <c r="CH42" s="865"/>
      <c r="CI42" s="866"/>
      <c r="CJ42" s="866"/>
      <c r="CK42" s="866"/>
      <c r="CL42" s="867"/>
      <c r="CM42" s="865"/>
      <c r="CN42" s="866"/>
      <c r="CO42" s="866"/>
      <c r="CP42" s="866"/>
      <c r="CQ42" s="867"/>
      <c r="CR42" s="865"/>
      <c r="CS42" s="866"/>
      <c r="CT42" s="866"/>
      <c r="CU42" s="866"/>
      <c r="CV42" s="867"/>
      <c r="CW42" s="865"/>
      <c r="CX42" s="866"/>
      <c r="CY42" s="866"/>
      <c r="CZ42" s="866"/>
      <c r="DA42" s="867"/>
      <c r="DB42" s="865"/>
      <c r="DC42" s="866"/>
      <c r="DD42" s="866"/>
      <c r="DE42" s="866"/>
      <c r="DF42" s="867"/>
      <c r="DG42" s="865"/>
      <c r="DH42" s="866"/>
      <c r="DI42" s="866"/>
      <c r="DJ42" s="866"/>
      <c r="DK42" s="867"/>
      <c r="DL42" s="865"/>
      <c r="DM42" s="866"/>
      <c r="DN42" s="866"/>
      <c r="DO42" s="866"/>
      <c r="DP42" s="867"/>
      <c r="DQ42" s="865"/>
      <c r="DR42" s="866"/>
      <c r="DS42" s="866"/>
      <c r="DT42" s="866"/>
      <c r="DU42" s="867"/>
      <c r="DV42" s="868"/>
      <c r="DW42" s="869"/>
      <c r="DX42" s="869"/>
      <c r="DY42" s="869"/>
      <c r="DZ42" s="870"/>
      <c r="EA42" s="247"/>
    </row>
    <row r="43" spans="1:131" s="248" customFormat="1" ht="26.25" customHeight="1" x14ac:dyDescent="0.2">
      <c r="A43" s="262">
        <v>
16</v>
      </c>
      <c r="B43" s="839"/>
      <c r="C43" s="840"/>
      <c r="D43" s="840"/>
      <c r="E43" s="840"/>
      <c r="F43" s="840"/>
      <c r="G43" s="840"/>
      <c r="H43" s="840"/>
      <c r="I43" s="840"/>
      <c r="J43" s="840"/>
      <c r="K43" s="840"/>
      <c r="L43" s="840"/>
      <c r="M43" s="840"/>
      <c r="N43" s="840"/>
      <c r="O43" s="840"/>
      <c r="P43" s="841"/>
      <c r="Q43" s="842"/>
      <c r="R43" s="843"/>
      <c r="S43" s="843"/>
      <c r="T43" s="843"/>
      <c r="U43" s="843"/>
      <c r="V43" s="843"/>
      <c r="W43" s="843"/>
      <c r="X43" s="843"/>
      <c r="Y43" s="843"/>
      <c r="Z43" s="843"/>
      <c r="AA43" s="843"/>
      <c r="AB43" s="843"/>
      <c r="AC43" s="843"/>
      <c r="AD43" s="843"/>
      <c r="AE43" s="844"/>
      <c r="AF43" s="845"/>
      <c r="AG43" s="846"/>
      <c r="AH43" s="846"/>
      <c r="AI43" s="846"/>
      <c r="AJ43" s="847"/>
      <c r="AK43" s="919"/>
      <c r="AL43" s="920"/>
      <c r="AM43" s="920"/>
      <c r="AN43" s="920"/>
      <c r="AO43" s="920"/>
      <c r="AP43" s="920"/>
      <c r="AQ43" s="920"/>
      <c r="AR43" s="920"/>
      <c r="AS43" s="920"/>
      <c r="AT43" s="920"/>
      <c r="AU43" s="920"/>
      <c r="AV43" s="920"/>
      <c r="AW43" s="920"/>
      <c r="AX43" s="920"/>
      <c r="AY43" s="920"/>
      <c r="AZ43" s="926"/>
      <c r="BA43" s="926"/>
      <c r="BB43" s="926"/>
      <c r="BC43" s="926"/>
      <c r="BD43" s="926"/>
      <c r="BE43" s="917"/>
      <c r="BF43" s="917"/>
      <c r="BG43" s="917"/>
      <c r="BH43" s="917"/>
      <c r="BI43" s="918"/>
      <c r="BJ43" s="253"/>
      <c r="BK43" s="253"/>
      <c r="BL43" s="253"/>
      <c r="BM43" s="253"/>
      <c r="BN43" s="253"/>
      <c r="BO43" s="266"/>
      <c r="BP43" s="266"/>
      <c r="BQ43" s="263">
        <v>
37</v>
      </c>
      <c r="BR43" s="264"/>
      <c r="BS43" s="852"/>
      <c r="BT43" s="853"/>
      <c r="BU43" s="853"/>
      <c r="BV43" s="853"/>
      <c r="BW43" s="853"/>
      <c r="BX43" s="853"/>
      <c r="BY43" s="853"/>
      <c r="BZ43" s="853"/>
      <c r="CA43" s="853"/>
      <c r="CB43" s="853"/>
      <c r="CC43" s="853"/>
      <c r="CD43" s="853"/>
      <c r="CE43" s="853"/>
      <c r="CF43" s="853"/>
      <c r="CG43" s="854"/>
      <c r="CH43" s="865"/>
      <c r="CI43" s="866"/>
      <c r="CJ43" s="866"/>
      <c r="CK43" s="866"/>
      <c r="CL43" s="867"/>
      <c r="CM43" s="865"/>
      <c r="CN43" s="866"/>
      <c r="CO43" s="866"/>
      <c r="CP43" s="866"/>
      <c r="CQ43" s="867"/>
      <c r="CR43" s="865"/>
      <c r="CS43" s="866"/>
      <c r="CT43" s="866"/>
      <c r="CU43" s="866"/>
      <c r="CV43" s="867"/>
      <c r="CW43" s="865"/>
      <c r="CX43" s="866"/>
      <c r="CY43" s="866"/>
      <c r="CZ43" s="866"/>
      <c r="DA43" s="867"/>
      <c r="DB43" s="865"/>
      <c r="DC43" s="866"/>
      <c r="DD43" s="866"/>
      <c r="DE43" s="866"/>
      <c r="DF43" s="867"/>
      <c r="DG43" s="865"/>
      <c r="DH43" s="866"/>
      <c r="DI43" s="866"/>
      <c r="DJ43" s="866"/>
      <c r="DK43" s="867"/>
      <c r="DL43" s="865"/>
      <c r="DM43" s="866"/>
      <c r="DN43" s="866"/>
      <c r="DO43" s="866"/>
      <c r="DP43" s="867"/>
      <c r="DQ43" s="865"/>
      <c r="DR43" s="866"/>
      <c r="DS43" s="866"/>
      <c r="DT43" s="866"/>
      <c r="DU43" s="867"/>
      <c r="DV43" s="868"/>
      <c r="DW43" s="869"/>
      <c r="DX43" s="869"/>
      <c r="DY43" s="869"/>
      <c r="DZ43" s="870"/>
      <c r="EA43" s="247"/>
    </row>
    <row r="44" spans="1:131" s="248" customFormat="1" ht="26.25" customHeight="1" x14ac:dyDescent="0.2">
      <c r="A44" s="262">
        <v>
17</v>
      </c>
      <c r="B44" s="839"/>
      <c r="C44" s="840"/>
      <c r="D44" s="840"/>
      <c r="E44" s="840"/>
      <c r="F44" s="840"/>
      <c r="G44" s="840"/>
      <c r="H44" s="840"/>
      <c r="I44" s="840"/>
      <c r="J44" s="840"/>
      <c r="K44" s="840"/>
      <c r="L44" s="840"/>
      <c r="M44" s="840"/>
      <c r="N44" s="840"/>
      <c r="O44" s="840"/>
      <c r="P44" s="841"/>
      <c r="Q44" s="842"/>
      <c r="R44" s="843"/>
      <c r="S44" s="843"/>
      <c r="T44" s="843"/>
      <c r="U44" s="843"/>
      <c r="V44" s="843"/>
      <c r="W44" s="843"/>
      <c r="X44" s="843"/>
      <c r="Y44" s="843"/>
      <c r="Z44" s="843"/>
      <c r="AA44" s="843"/>
      <c r="AB44" s="843"/>
      <c r="AC44" s="843"/>
      <c r="AD44" s="843"/>
      <c r="AE44" s="844"/>
      <c r="AF44" s="845"/>
      <c r="AG44" s="846"/>
      <c r="AH44" s="846"/>
      <c r="AI44" s="846"/>
      <c r="AJ44" s="847"/>
      <c r="AK44" s="919"/>
      <c r="AL44" s="920"/>
      <c r="AM44" s="920"/>
      <c r="AN44" s="920"/>
      <c r="AO44" s="920"/>
      <c r="AP44" s="920"/>
      <c r="AQ44" s="920"/>
      <c r="AR44" s="920"/>
      <c r="AS44" s="920"/>
      <c r="AT44" s="920"/>
      <c r="AU44" s="920"/>
      <c r="AV44" s="920"/>
      <c r="AW44" s="920"/>
      <c r="AX44" s="920"/>
      <c r="AY44" s="920"/>
      <c r="AZ44" s="926"/>
      <c r="BA44" s="926"/>
      <c r="BB44" s="926"/>
      <c r="BC44" s="926"/>
      <c r="BD44" s="926"/>
      <c r="BE44" s="917"/>
      <c r="BF44" s="917"/>
      <c r="BG44" s="917"/>
      <c r="BH44" s="917"/>
      <c r="BI44" s="918"/>
      <c r="BJ44" s="253"/>
      <c r="BK44" s="253"/>
      <c r="BL44" s="253"/>
      <c r="BM44" s="253"/>
      <c r="BN44" s="253"/>
      <c r="BO44" s="266"/>
      <c r="BP44" s="266"/>
      <c r="BQ44" s="263">
        <v>
38</v>
      </c>
      <c r="BR44" s="264"/>
      <c r="BS44" s="852"/>
      <c r="BT44" s="853"/>
      <c r="BU44" s="853"/>
      <c r="BV44" s="853"/>
      <c r="BW44" s="853"/>
      <c r="BX44" s="853"/>
      <c r="BY44" s="853"/>
      <c r="BZ44" s="853"/>
      <c r="CA44" s="853"/>
      <c r="CB44" s="853"/>
      <c r="CC44" s="853"/>
      <c r="CD44" s="853"/>
      <c r="CE44" s="853"/>
      <c r="CF44" s="853"/>
      <c r="CG44" s="854"/>
      <c r="CH44" s="865"/>
      <c r="CI44" s="866"/>
      <c r="CJ44" s="866"/>
      <c r="CK44" s="866"/>
      <c r="CL44" s="867"/>
      <c r="CM44" s="865"/>
      <c r="CN44" s="866"/>
      <c r="CO44" s="866"/>
      <c r="CP44" s="866"/>
      <c r="CQ44" s="867"/>
      <c r="CR44" s="865"/>
      <c r="CS44" s="866"/>
      <c r="CT44" s="866"/>
      <c r="CU44" s="866"/>
      <c r="CV44" s="867"/>
      <c r="CW44" s="865"/>
      <c r="CX44" s="866"/>
      <c r="CY44" s="866"/>
      <c r="CZ44" s="866"/>
      <c r="DA44" s="867"/>
      <c r="DB44" s="865"/>
      <c r="DC44" s="866"/>
      <c r="DD44" s="866"/>
      <c r="DE44" s="866"/>
      <c r="DF44" s="867"/>
      <c r="DG44" s="865"/>
      <c r="DH44" s="866"/>
      <c r="DI44" s="866"/>
      <c r="DJ44" s="866"/>
      <c r="DK44" s="867"/>
      <c r="DL44" s="865"/>
      <c r="DM44" s="866"/>
      <c r="DN44" s="866"/>
      <c r="DO44" s="866"/>
      <c r="DP44" s="867"/>
      <c r="DQ44" s="865"/>
      <c r="DR44" s="866"/>
      <c r="DS44" s="866"/>
      <c r="DT44" s="866"/>
      <c r="DU44" s="867"/>
      <c r="DV44" s="868"/>
      <c r="DW44" s="869"/>
      <c r="DX44" s="869"/>
      <c r="DY44" s="869"/>
      <c r="DZ44" s="870"/>
      <c r="EA44" s="247"/>
    </row>
    <row r="45" spans="1:131" s="248" customFormat="1" ht="26.25" customHeight="1" x14ac:dyDescent="0.2">
      <c r="A45" s="262">
        <v>
18</v>
      </c>
      <c r="B45" s="839"/>
      <c r="C45" s="840"/>
      <c r="D45" s="840"/>
      <c r="E45" s="840"/>
      <c r="F45" s="840"/>
      <c r="G45" s="840"/>
      <c r="H45" s="840"/>
      <c r="I45" s="840"/>
      <c r="J45" s="840"/>
      <c r="K45" s="840"/>
      <c r="L45" s="840"/>
      <c r="M45" s="840"/>
      <c r="N45" s="840"/>
      <c r="O45" s="840"/>
      <c r="P45" s="841"/>
      <c r="Q45" s="842"/>
      <c r="R45" s="843"/>
      <c r="S45" s="843"/>
      <c r="T45" s="843"/>
      <c r="U45" s="843"/>
      <c r="V45" s="843"/>
      <c r="W45" s="843"/>
      <c r="X45" s="843"/>
      <c r="Y45" s="843"/>
      <c r="Z45" s="843"/>
      <c r="AA45" s="843"/>
      <c r="AB45" s="843"/>
      <c r="AC45" s="843"/>
      <c r="AD45" s="843"/>
      <c r="AE45" s="844"/>
      <c r="AF45" s="845"/>
      <c r="AG45" s="846"/>
      <c r="AH45" s="846"/>
      <c r="AI45" s="846"/>
      <c r="AJ45" s="847"/>
      <c r="AK45" s="919"/>
      <c r="AL45" s="920"/>
      <c r="AM45" s="920"/>
      <c r="AN45" s="920"/>
      <c r="AO45" s="920"/>
      <c r="AP45" s="920"/>
      <c r="AQ45" s="920"/>
      <c r="AR45" s="920"/>
      <c r="AS45" s="920"/>
      <c r="AT45" s="920"/>
      <c r="AU45" s="920"/>
      <c r="AV45" s="920"/>
      <c r="AW45" s="920"/>
      <c r="AX45" s="920"/>
      <c r="AY45" s="920"/>
      <c r="AZ45" s="926"/>
      <c r="BA45" s="926"/>
      <c r="BB45" s="926"/>
      <c r="BC45" s="926"/>
      <c r="BD45" s="926"/>
      <c r="BE45" s="917"/>
      <c r="BF45" s="917"/>
      <c r="BG45" s="917"/>
      <c r="BH45" s="917"/>
      <c r="BI45" s="918"/>
      <c r="BJ45" s="253"/>
      <c r="BK45" s="253"/>
      <c r="BL45" s="253"/>
      <c r="BM45" s="253"/>
      <c r="BN45" s="253"/>
      <c r="BO45" s="266"/>
      <c r="BP45" s="266"/>
      <c r="BQ45" s="263">
        <v>
39</v>
      </c>
      <c r="BR45" s="264"/>
      <c r="BS45" s="852"/>
      <c r="BT45" s="853"/>
      <c r="BU45" s="853"/>
      <c r="BV45" s="853"/>
      <c r="BW45" s="853"/>
      <c r="BX45" s="853"/>
      <c r="BY45" s="853"/>
      <c r="BZ45" s="853"/>
      <c r="CA45" s="853"/>
      <c r="CB45" s="853"/>
      <c r="CC45" s="853"/>
      <c r="CD45" s="853"/>
      <c r="CE45" s="853"/>
      <c r="CF45" s="853"/>
      <c r="CG45" s="854"/>
      <c r="CH45" s="865"/>
      <c r="CI45" s="866"/>
      <c r="CJ45" s="866"/>
      <c r="CK45" s="866"/>
      <c r="CL45" s="867"/>
      <c r="CM45" s="865"/>
      <c r="CN45" s="866"/>
      <c r="CO45" s="866"/>
      <c r="CP45" s="866"/>
      <c r="CQ45" s="867"/>
      <c r="CR45" s="865"/>
      <c r="CS45" s="866"/>
      <c r="CT45" s="866"/>
      <c r="CU45" s="866"/>
      <c r="CV45" s="867"/>
      <c r="CW45" s="865"/>
      <c r="CX45" s="866"/>
      <c r="CY45" s="866"/>
      <c r="CZ45" s="866"/>
      <c r="DA45" s="867"/>
      <c r="DB45" s="865"/>
      <c r="DC45" s="866"/>
      <c r="DD45" s="866"/>
      <c r="DE45" s="866"/>
      <c r="DF45" s="867"/>
      <c r="DG45" s="865"/>
      <c r="DH45" s="866"/>
      <c r="DI45" s="866"/>
      <c r="DJ45" s="866"/>
      <c r="DK45" s="867"/>
      <c r="DL45" s="865"/>
      <c r="DM45" s="866"/>
      <c r="DN45" s="866"/>
      <c r="DO45" s="866"/>
      <c r="DP45" s="867"/>
      <c r="DQ45" s="865"/>
      <c r="DR45" s="866"/>
      <c r="DS45" s="866"/>
      <c r="DT45" s="866"/>
      <c r="DU45" s="867"/>
      <c r="DV45" s="868"/>
      <c r="DW45" s="869"/>
      <c r="DX45" s="869"/>
      <c r="DY45" s="869"/>
      <c r="DZ45" s="870"/>
      <c r="EA45" s="247"/>
    </row>
    <row r="46" spans="1:131" s="248" customFormat="1" ht="26.25" customHeight="1" x14ac:dyDescent="0.2">
      <c r="A46" s="262">
        <v>
19</v>
      </c>
      <c r="B46" s="839"/>
      <c r="C46" s="840"/>
      <c r="D46" s="840"/>
      <c r="E46" s="840"/>
      <c r="F46" s="840"/>
      <c r="G46" s="840"/>
      <c r="H46" s="840"/>
      <c r="I46" s="840"/>
      <c r="J46" s="840"/>
      <c r="K46" s="840"/>
      <c r="L46" s="840"/>
      <c r="M46" s="840"/>
      <c r="N46" s="840"/>
      <c r="O46" s="840"/>
      <c r="P46" s="841"/>
      <c r="Q46" s="842"/>
      <c r="R46" s="843"/>
      <c r="S46" s="843"/>
      <c r="T46" s="843"/>
      <c r="U46" s="843"/>
      <c r="V46" s="843"/>
      <c r="W46" s="843"/>
      <c r="X46" s="843"/>
      <c r="Y46" s="843"/>
      <c r="Z46" s="843"/>
      <c r="AA46" s="843"/>
      <c r="AB46" s="843"/>
      <c r="AC46" s="843"/>
      <c r="AD46" s="843"/>
      <c r="AE46" s="844"/>
      <c r="AF46" s="845"/>
      <c r="AG46" s="846"/>
      <c r="AH46" s="846"/>
      <c r="AI46" s="846"/>
      <c r="AJ46" s="847"/>
      <c r="AK46" s="919"/>
      <c r="AL46" s="920"/>
      <c r="AM46" s="920"/>
      <c r="AN46" s="920"/>
      <c r="AO46" s="920"/>
      <c r="AP46" s="920"/>
      <c r="AQ46" s="920"/>
      <c r="AR46" s="920"/>
      <c r="AS46" s="920"/>
      <c r="AT46" s="920"/>
      <c r="AU46" s="920"/>
      <c r="AV46" s="920"/>
      <c r="AW46" s="920"/>
      <c r="AX46" s="920"/>
      <c r="AY46" s="920"/>
      <c r="AZ46" s="926"/>
      <c r="BA46" s="926"/>
      <c r="BB46" s="926"/>
      <c r="BC46" s="926"/>
      <c r="BD46" s="926"/>
      <c r="BE46" s="917"/>
      <c r="BF46" s="917"/>
      <c r="BG46" s="917"/>
      <c r="BH46" s="917"/>
      <c r="BI46" s="918"/>
      <c r="BJ46" s="253"/>
      <c r="BK46" s="253"/>
      <c r="BL46" s="253"/>
      <c r="BM46" s="253"/>
      <c r="BN46" s="253"/>
      <c r="BO46" s="266"/>
      <c r="BP46" s="266"/>
      <c r="BQ46" s="263">
        <v>
40</v>
      </c>
      <c r="BR46" s="264"/>
      <c r="BS46" s="852"/>
      <c r="BT46" s="853"/>
      <c r="BU46" s="853"/>
      <c r="BV46" s="853"/>
      <c r="BW46" s="853"/>
      <c r="BX46" s="853"/>
      <c r="BY46" s="853"/>
      <c r="BZ46" s="853"/>
      <c r="CA46" s="853"/>
      <c r="CB46" s="853"/>
      <c r="CC46" s="853"/>
      <c r="CD46" s="853"/>
      <c r="CE46" s="853"/>
      <c r="CF46" s="853"/>
      <c r="CG46" s="854"/>
      <c r="CH46" s="865"/>
      <c r="CI46" s="866"/>
      <c r="CJ46" s="866"/>
      <c r="CK46" s="866"/>
      <c r="CL46" s="867"/>
      <c r="CM46" s="865"/>
      <c r="CN46" s="866"/>
      <c r="CO46" s="866"/>
      <c r="CP46" s="866"/>
      <c r="CQ46" s="867"/>
      <c r="CR46" s="865"/>
      <c r="CS46" s="866"/>
      <c r="CT46" s="866"/>
      <c r="CU46" s="866"/>
      <c r="CV46" s="867"/>
      <c r="CW46" s="865"/>
      <c r="CX46" s="866"/>
      <c r="CY46" s="866"/>
      <c r="CZ46" s="866"/>
      <c r="DA46" s="867"/>
      <c r="DB46" s="865"/>
      <c r="DC46" s="866"/>
      <c r="DD46" s="866"/>
      <c r="DE46" s="866"/>
      <c r="DF46" s="867"/>
      <c r="DG46" s="865"/>
      <c r="DH46" s="866"/>
      <c r="DI46" s="866"/>
      <c r="DJ46" s="866"/>
      <c r="DK46" s="867"/>
      <c r="DL46" s="865"/>
      <c r="DM46" s="866"/>
      <c r="DN46" s="866"/>
      <c r="DO46" s="866"/>
      <c r="DP46" s="867"/>
      <c r="DQ46" s="865"/>
      <c r="DR46" s="866"/>
      <c r="DS46" s="866"/>
      <c r="DT46" s="866"/>
      <c r="DU46" s="867"/>
      <c r="DV46" s="868"/>
      <c r="DW46" s="869"/>
      <c r="DX46" s="869"/>
      <c r="DY46" s="869"/>
      <c r="DZ46" s="870"/>
      <c r="EA46" s="247"/>
    </row>
    <row r="47" spans="1:131" s="248" customFormat="1" ht="26.25" customHeight="1" x14ac:dyDescent="0.2">
      <c r="A47" s="262">
        <v>
20</v>
      </c>
      <c r="B47" s="839"/>
      <c r="C47" s="840"/>
      <c r="D47" s="840"/>
      <c r="E47" s="840"/>
      <c r="F47" s="840"/>
      <c r="G47" s="840"/>
      <c r="H47" s="840"/>
      <c r="I47" s="840"/>
      <c r="J47" s="840"/>
      <c r="K47" s="840"/>
      <c r="L47" s="840"/>
      <c r="M47" s="840"/>
      <c r="N47" s="840"/>
      <c r="O47" s="840"/>
      <c r="P47" s="841"/>
      <c r="Q47" s="842"/>
      <c r="R47" s="843"/>
      <c r="S47" s="843"/>
      <c r="T47" s="843"/>
      <c r="U47" s="843"/>
      <c r="V47" s="843"/>
      <c r="W47" s="843"/>
      <c r="X47" s="843"/>
      <c r="Y47" s="843"/>
      <c r="Z47" s="843"/>
      <c r="AA47" s="843"/>
      <c r="AB47" s="843"/>
      <c r="AC47" s="843"/>
      <c r="AD47" s="843"/>
      <c r="AE47" s="844"/>
      <c r="AF47" s="845"/>
      <c r="AG47" s="846"/>
      <c r="AH47" s="846"/>
      <c r="AI47" s="846"/>
      <c r="AJ47" s="847"/>
      <c r="AK47" s="919"/>
      <c r="AL47" s="920"/>
      <c r="AM47" s="920"/>
      <c r="AN47" s="920"/>
      <c r="AO47" s="920"/>
      <c r="AP47" s="920"/>
      <c r="AQ47" s="920"/>
      <c r="AR47" s="920"/>
      <c r="AS47" s="920"/>
      <c r="AT47" s="920"/>
      <c r="AU47" s="920"/>
      <c r="AV47" s="920"/>
      <c r="AW47" s="920"/>
      <c r="AX47" s="920"/>
      <c r="AY47" s="920"/>
      <c r="AZ47" s="926"/>
      <c r="BA47" s="926"/>
      <c r="BB47" s="926"/>
      <c r="BC47" s="926"/>
      <c r="BD47" s="926"/>
      <c r="BE47" s="917"/>
      <c r="BF47" s="917"/>
      <c r="BG47" s="917"/>
      <c r="BH47" s="917"/>
      <c r="BI47" s="918"/>
      <c r="BJ47" s="253"/>
      <c r="BK47" s="253"/>
      <c r="BL47" s="253"/>
      <c r="BM47" s="253"/>
      <c r="BN47" s="253"/>
      <c r="BO47" s="266"/>
      <c r="BP47" s="266"/>
      <c r="BQ47" s="263">
        <v>
41</v>
      </c>
      <c r="BR47" s="264"/>
      <c r="BS47" s="852"/>
      <c r="BT47" s="853"/>
      <c r="BU47" s="853"/>
      <c r="BV47" s="853"/>
      <c r="BW47" s="853"/>
      <c r="BX47" s="853"/>
      <c r="BY47" s="853"/>
      <c r="BZ47" s="853"/>
      <c r="CA47" s="853"/>
      <c r="CB47" s="853"/>
      <c r="CC47" s="853"/>
      <c r="CD47" s="853"/>
      <c r="CE47" s="853"/>
      <c r="CF47" s="853"/>
      <c r="CG47" s="854"/>
      <c r="CH47" s="865"/>
      <c r="CI47" s="866"/>
      <c r="CJ47" s="866"/>
      <c r="CK47" s="866"/>
      <c r="CL47" s="867"/>
      <c r="CM47" s="865"/>
      <c r="CN47" s="866"/>
      <c r="CO47" s="866"/>
      <c r="CP47" s="866"/>
      <c r="CQ47" s="867"/>
      <c r="CR47" s="865"/>
      <c r="CS47" s="866"/>
      <c r="CT47" s="866"/>
      <c r="CU47" s="866"/>
      <c r="CV47" s="867"/>
      <c r="CW47" s="865"/>
      <c r="CX47" s="866"/>
      <c r="CY47" s="866"/>
      <c r="CZ47" s="866"/>
      <c r="DA47" s="867"/>
      <c r="DB47" s="865"/>
      <c r="DC47" s="866"/>
      <c r="DD47" s="866"/>
      <c r="DE47" s="866"/>
      <c r="DF47" s="867"/>
      <c r="DG47" s="865"/>
      <c r="DH47" s="866"/>
      <c r="DI47" s="866"/>
      <c r="DJ47" s="866"/>
      <c r="DK47" s="867"/>
      <c r="DL47" s="865"/>
      <c r="DM47" s="866"/>
      <c r="DN47" s="866"/>
      <c r="DO47" s="866"/>
      <c r="DP47" s="867"/>
      <c r="DQ47" s="865"/>
      <c r="DR47" s="866"/>
      <c r="DS47" s="866"/>
      <c r="DT47" s="866"/>
      <c r="DU47" s="867"/>
      <c r="DV47" s="868"/>
      <c r="DW47" s="869"/>
      <c r="DX47" s="869"/>
      <c r="DY47" s="869"/>
      <c r="DZ47" s="870"/>
      <c r="EA47" s="247"/>
    </row>
    <row r="48" spans="1:131" s="248" customFormat="1" ht="26.25" customHeight="1" x14ac:dyDescent="0.2">
      <c r="A48" s="262">
        <v>
21</v>
      </c>
      <c r="B48" s="839"/>
      <c r="C48" s="840"/>
      <c r="D48" s="840"/>
      <c r="E48" s="840"/>
      <c r="F48" s="840"/>
      <c r="G48" s="840"/>
      <c r="H48" s="840"/>
      <c r="I48" s="840"/>
      <c r="J48" s="840"/>
      <c r="K48" s="840"/>
      <c r="L48" s="840"/>
      <c r="M48" s="840"/>
      <c r="N48" s="840"/>
      <c r="O48" s="840"/>
      <c r="P48" s="841"/>
      <c r="Q48" s="842"/>
      <c r="R48" s="843"/>
      <c r="S48" s="843"/>
      <c r="T48" s="843"/>
      <c r="U48" s="843"/>
      <c r="V48" s="843"/>
      <c r="W48" s="843"/>
      <c r="X48" s="843"/>
      <c r="Y48" s="843"/>
      <c r="Z48" s="843"/>
      <c r="AA48" s="843"/>
      <c r="AB48" s="843"/>
      <c r="AC48" s="843"/>
      <c r="AD48" s="843"/>
      <c r="AE48" s="844"/>
      <c r="AF48" s="845"/>
      <c r="AG48" s="846"/>
      <c r="AH48" s="846"/>
      <c r="AI48" s="846"/>
      <c r="AJ48" s="847"/>
      <c r="AK48" s="919"/>
      <c r="AL48" s="920"/>
      <c r="AM48" s="920"/>
      <c r="AN48" s="920"/>
      <c r="AO48" s="920"/>
      <c r="AP48" s="920"/>
      <c r="AQ48" s="920"/>
      <c r="AR48" s="920"/>
      <c r="AS48" s="920"/>
      <c r="AT48" s="920"/>
      <c r="AU48" s="920"/>
      <c r="AV48" s="920"/>
      <c r="AW48" s="920"/>
      <c r="AX48" s="920"/>
      <c r="AY48" s="920"/>
      <c r="AZ48" s="926"/>
      <c r="BA48" s="926"/>
      <c r="BB48" s="926"/>
      <c r="BC48" s="926"/>
      <c r="BD48" s="926"/>
      <c r="BE48" s="917"/>
      <c r="BF48" s="917"/>
      <c r="BG48" s="917"/>
      <c r="BH48" s="917"/>
      <c r="BI48" s="918"/>
      <c r="BJ48" s="253"/>
      <c r="BK48" s="253"/>
      <c r="BL48" s="253"/>
      <c r="BM48" s="253"/>
      <c r="BN48" s="253"/>
      <c r="BO48" s="266"/>
      <c r="BP48" s="266"/>
      <c r="BQ48" s="263">
        <v>
42</v>
      </c>
      <c r="BR48" s="264"/>
      <c r="BS48" s="852"/>
      <c r="BT48" s="853"/>
      <c r="BU48" s="853"/>
      <c r="BV48" s="853"/>
      <c r="BW48" s="853"/>
      <c r="BX48" s="853"/>
      <c r="BY48" s="853"/>
      <c r="BZ48" s="853"/>
      <c r="CA48" s="853"/>
      <c r="CB48" s="853"/>
      <c r="CC48" s="853"/>
      <c r="CD48" s="853"/>
      <c r="CE48" s="853"/>
      <c r="CF48" s="853"/>
      <c r="CG48" s="854"/>
      <c r="CH48" s="865"/>
      <c r="CI48" s="866"/>
      <c r="CJ48" s="866"/>
      <c r="CK48" s="866"/>
      <c r="CL48" s="867"/>
      <c r="CM48" s="865"/>
      <c r="CN48" s="866"/>
      <c r="CO48" s="866"/>
      <c r="CP48" s="866"/>
      <c r="CQ48" s="867"/>
      <c r="CR48" s="865"/>
      <c r="CS48" s="866"/>
      <c r="CT48" s="866"/>
      <c r="CU48" s="866"/>
      <c r="CV48" s="867"/>
      <c r="CW48" s="865"/>
      <c r="CX48" s="866"/>
      <c r="CY48" s="866"/>
      <c r="CZ48" s="866"/>
      <c r="DA48" s="867"/>
      <c r="DB48" s="865"/>
      <c r="DC48" s="866"/>
      <c r="DD48" s="866"/>
      <c r="DE48" s="866"/>
      <c r="DF48" s="867"/>
      <c r="DG48" s="865"/>
      <c r="DH48" s="866"/>
      <c r="DI48" s="866"/>
      <c r="DJ48" s="866"/>
      <c r="DK48" s="867"/>
      <c r="DL48" s="865"/>
      <c r="DM48" s="866"/>
      <c r="DN48" s="866"/>
      <c r="DO48" s="866"/>
      <c r="DP48" s="867"/>
      <c r="DQ48" s="865"/>
      <c r="DR48" s="866"/>
      <c r="DS48" s="866"/>
      <c r="DT48" s="866"/>
      <c r="DU48" s="867"/>
      <c r="DV48" s="868"/>
      <c r="DW48" s="869"/>
      <c r="DX48" s="869"/>
      <c r="DY48" s="869"/>
      <c r="DZ48" s="870"/>
      <c r="EA48" s="247"/>
    </row>
    <row r="49" spans="1:131" s="248" customFormat="1" ht="26.25" customHeight="1" x14ac:dyDescent="0.2">
      <c r="A49" s="262">
        <v>
22</v>
      </c>
      <c r="B49" s="839"/>
      <c r="C49" s="840"/>
      <c r="D49" s="840"/>
      <c r="E49" s="840"/>
      <c r="F49" s="840"/>
      <c r="G49" s="840"/>
      <c r="H49" s="840"/>
      <c r="I49" s="840"/>
      <c r="J49" s="840"/>
      <c r="K49" s="840"/>
      <c r="L49" s="840"/>
      <c r="M49" s="840"/>
      <c r="N49" s="840"/>
      <c r="O49" s="840"/>
      <c r="P49" s="841"/>
      <c r="Q49" s="842"/>
      <c r="R49" s="843"/>
      <c r="S49" s="843"/>
      <c r="T49" s="843"/>
      <c r="U49" s="843"/>
      <c r="V49" s="843"/>
      <c r="W49" s="843"/>
      <c r="X49" s="843"/>
      <c r="Y49" s="843"/>
      <c r="Z49" s="843"/>
      <c r="AA49" s="843"/>
      <c r="AB49" s="843"/>
      <c r="AC49" s="843"/>
      <c r="AD49" s="843"/>
      <c r="AE49" s="844"/>
      <c r="AF49" s="845"/>
      <c r="AG49" s="846"/>
      <c r="AH49" s="846"/>
      <c r="AI49" s="846"/>
      <c r="AJ49" s="847"/>
      <c r="AK49" s="919"/>
      <c r="AL49" s="920"/>
      <c r="AM49" s="920"/>
      <c r="AN49" s="920"/>
      <c r="AO49" s="920"/>
      <c r="AP49" s="920"/>
      <c r="AQ49" s="920"/>
      <c r="AR49" s="920"/>
      <c r="AS49" s="920"/>
      <c r="AT49" s="920"/>
      <c r="AU49" s="920"/>
      <c r="AV49" s="920"/>
      <c r="AW49" s="920"/>
      <c r="AX49" s="920"/>
      <c r="AY49" s="920"/>
      <c r="AZ49" s="926"/>
      <c r="BA49" s="926"/>
      <c r="BB49" s="926"/>
      <c r="BC49" s="926"/>
      <c r="BD49" s="926"/>
      <c r="BE49" s="917"/>
      <c r="BF49" s="917"/>
      <c r="BG49" s="917"/>
      <c r="BH49" s="917"/>
      <c r="BI49" s="918"/>
      <c r="BJ49" s="253"/>
      <c r="BK49" s="253"/>
      <c r="BL49" s="253"/>
      <c r="BM49" s="253"/>
      <c r="BN49" s="253"/>
      <c r="BO49" s="266"/>
      <c r="BP49" s="266"/>
      <c r="BQ49" s="263">
        <v>
43</v>
      </c>
      <c r="BR49" s="264"/>
      <c r="BS49" s="852"/>
      <c r="BT49" s="853"/>
      <c r="BU49" s="853"/>
      <c r="BV49" s="853"/>
      <c r="BW49" s="853"/>
      <c r="BX49" s="853"/>
      <c r="BY49" s="853"/>
      <c r="BZ49" s="853"/>
      <c r="CA49" s="853"/>
      <c r="CB49" s="853"/>
      <c r="CC49" s="853"/>
      <c r="CD49" s="853"/>
      <c r="CE49" s="853"/>
      <c r="CF49" s="853"/>
      <c r="CG49" s="854"/>
      <c r="CH49" s="865"/>
      <c r="CI49" s="866"/>
      <c r="CJ49" s="866"/>
      <c r="CK49" s="866"/>
      <c r="CL49" s="867"/>
      <c r="CM49" s="865"/>
      <c r="CN49" s="866"/>
      <c r="CO49" s="866"/>
      <c r="CP49" s="866"/>
      <c r="CQ49" s="867"/>
      <c r="CR49" s="865"/>
      <c r="CS49" s="866"/>
      <c r="CT49" s="866"/>
      <c r="CU49" s="866"/>
      <c r="CV49" s="867"/>
      <c r="CW49" s="865"/>
      <c r="CX49" s="866"/>
      <c r="CY49" s="866"/>
      <c r="CZ49" s="866"/>
      <c r="DA49" s="867"/>
      <c r="DB49" s="865"/>
      <c r="DC49" s="866"/>
      <c r="DD49" s="866"/>
      <c r="DE49" s="866"/>
      <c r="DF49" s="867"/>
      <c r="DG49" s="865"/>
      <c r="DH49" s="866"/>
      <c r="DI49" s="866"/>
      <c r="DJ49" s="866"/>
      <c r="DK49" s="867"/>
      <c r="DL49" s="865"/>
      <c r="DM49" s="866"/>
      <c r="DN49" s="866"/>
      <c r="DO49" s="866"/>
      <c r="DP49" s="867"/>
      <c r="DQ49" s="865"/>
      <c r="DR49" s="866"/>
      <c r="DS49" s="866"/>
      <c r="DT49" s="866"/>
      <c r="DU49" s="867"/>
      <c r="DV49" s="868"/>
      <c r="DW49" s="869"/>
      <c r="DX49" s="869"/>
      <c r="DY49" s="869"/>
      <c r="DZ49" s="870"/>
      <c r="EA49" s="247"/>
    </row>
    <row r="50" spans="1:131" s="248" customFormat="1" ht="26.25" customHeight="1" x14ac:dyDescent="0.2">
      <c r="A50" s="262">
        <v>
23</v>
      </c>
      <c r="B50" s="839"/>
      <c r="C50" s="840"/>
      <c r="D50" s="840"/>
      <c r="E50" s="840"/>
      <c r="F50" s="840"/>
      <c r="G50" s="840"/>
      <c r="H50" s="840"/>
      <c r="I50" s="840"/>
      <c r="J50" s="840"/>
      <c r="K50" s="840"/>
      <c r="L50" s="840"/>
      <c r="M50" s="840"/>
      <c r="N50" s="840"/>
      <c r="O50" s="840"/>
      <c r="P50" s="841"/>
      <c r="Q50" s="927"/>
      <c r="R50" s="928"/>
      <c r="S50" s="928"/>
      <c r="T50" s="928"/>
      <c r="U50" s="928"/>
      <c r="V50" s="928"/>
      <c r="W50" s="928"/>
      <c r="X50" s="928"/>
      <c r="Y50" s="928"/>
      <c r="Z50" s="928"/>
      <c r="AA50" s="928"/>
      <c r="AB50" s="928"/>
      <c r="AC50" s="928"/>
      <c r="AD50" s="928"/>
      <c r="AE50" s="929"/>
      <c r="AF50" s="845"/>
      <c r="AG50" s="846"/>
      <c r="AH50" s="846"/>
      <c r="AI50" s="846"/>
      <c r="AJ50" s="847"/>
      <c r="AK50" s="930"/>
      <c r="AL50" s="928"/>
      <c r="AM50" s="928"/>
      <c r="AN50" s="928"/>
      <c r="AO50" s="928"/>
      <c r="AP50" s="928"/>
      <c r="AQ50" s="928"/>
      <c r="AR50" s="928"/>
      <c r="AS50" s="928"/>
      <c r="AT50" s="928"/>
      <c r="AU50" s="928"/>
      <c r="AV50" s="928"/>
      <c r="AW50" s="928"/>
      <c r="AX50" s="928"/>
      <c r="AY50" s="928"/>
      <c r="AZ50" s="931"/>
      <c r="BA50" s="931"/>
      <c r="BB50" s="931"/>
      <c r="BC50" s="931"/>
      <c r="BD50" s="931"/>
      <c r="BE50" s="917"/>
      <c r="BF50" s="917"/>
      <c r="BG50" s="917"/>
      <c r="BH50" s="917"/>
      <c r="BI50" s="918"/>
      <c r="BJ50" s="253"/>
      <c r="BK50" s="253"/>
      <c r="BL50" s="253"/>
      <c r="BM50" s="253"/>
      <c r="BN50" s="253"/>
      <c r="BO50" s="266"/>
      <c r="BP50" s="266"/>
      <c r="BQ50" s="263">
        <v>
44</v>
      </c>
      <c r="BR50" s="264"/>
      <c r="BS50" s="852"/>
      <c r="BT50" s="853"/>
      <c r="BU50" s="853"/>
      <c r="BV50" s="853"/>
      <c r="BW50" s="853"/>
      <c r="BX50" s="853"/>
      <c r="BY50" s="853"/>
      <c r="BZ50" s="853"/>
      <c r="CA50" s="853"/>
      <c r="CB50" s="853"/>
      <c r="CC50" s="853"/>
      <c r="CD50" s="853"/>
      <c r="CE50" s="853"/>
      <c r="CF50" s="853"/>
      <c r="CG50" s="854"/>
      <c r="CH50" s="865"/>
      <c r="CI50" s="866"/>
      <c r="CJ50" s="866"/>
      <c r="CK50" s="866"/>
      <c r="CL50" s="867"/>
      <c r="CM50" s="865"/>
      <c r="CN50" s="866"/>
      <c r="CO50" s="866"/>
      <c r="CP50" s="866"/>
      <c r="CQ50" s="867"/>
      <c r="CR50" s="865"/>
      <c r="CS50" s="866"/>
      <c r="CT50" s="866"/>
      <c r="CU50" s="866"/>
      <c r="CV50" s="867"/>
      <c r="CW50" s="865"/>
      <c r="CX50" s="866"/>
      <c r="CY50" s="866"/>
      <c r="CZ50" s="866"/>
      <c r="DA50" s="867"/>
      <c r="DB50" s="865"/>
      <c r="DC50" s="866"/>
      <c r="DD50" s="866"/>
      <c r="DE50" s="866"/>
      <c r="DF50" s="867"/>
      <c r="DG50" s="865"/>
      <c r="DH50" s="866"/>
      <c r="DI50" s="866"/>
      <c r="DJ50" s="866"/>
      <c r="DK50" s="867"/>
      <c r="DL50" s="865"/>
      <c r="DM50" s="866"/>
      <c r="DN50" s="866"/>
      <c r="DO50" s="866"/>
      <c r="DP50" s="867"/>
      <c r="DQ50" s="865"/>
      <c r="DR50" s="866"/>
      <c r="DS50" s="866"/>
      <c r="DT50" s="866"/>
      <c r="DU50" s="867"/>
      <c r="DV50" s="868"/>
      <c r="DW50" s="869"/>
      <c r="DX50" s="869"/>
      <c r="DY50" s="869"/>
      <c r="DZ50" s="870"/>
      <c r="EA50" s="247"/>
    </row>
    <row r="51" spans="1:131" s="248" customFormat="1" ht="26.25" customHeight="1" x14ac:dyDescent="0.2">
      <c r="A51" s="262">
        <v>
24</v>
      </c>
      <c r="B51" s="839"/>
      <c r="C51" s="840"/>
      <c r="D51" s="840"/>
      <c r="E51" s="840"/>
      <c r="F51" s="840"/>
      <c r="G51" s="840"/>
      <c r="H51" s="840"/>
      <c r="I51" s="840"/>
      <c r="J51" s="840"/>
      <c r="K51" s="840"/>
      <c r="L51" s="840"/>
      <c r="M51" s="840"/>
      <c r="N51" s="840"/>
      <c r="O51" s="840"/>
      <c r="P51" s="841"/>
      <c r="Q51" s="927"/>
      <c r="R51" s="928"/>
      <c r="S51" s="928"/>
      <c r="T51" s="928"/>
      <c r="U51" s="928"/>
      <c r="V51" s="928"/>
      <c r="W51" s="928"/>
      <c r="X51" s="928"/>
      <c r="Y51" s="928"/>
      <c r="Z51" s="928"/>
      <c r="AA51" s="928"/>
      <c r="AB51" s="928"/>
      <c r="AC51" s="928"/>
      <c r="AD51" s="928"/>
      <c r="AE51" s="929"/>
      <c r="AF51" s="845"/>
      <c r="AG51" s="846"/>
      <c r="AH51" s="846"/>
      <c r="AI51" s="846"/>
      <c r="AJ51" s="847"/>
      <c r="AK51" s="930"/>
      <c r="AL51" s="928"/>
      <c r="AM51" s="928"/>
      <c r="AN51" s="928"/>
      <c r="AO51" s="928"/>
      <c r="AP51" s="928"/>
      <c r="AQ51" s="928"/>
      <c r="AR51" s="928"/>
      <c r="AS51" s="928"/>
      <c r="AT51" s="928"/>
      <c r="AU51" s="928"/>
      <c r="AV51" s="928"/>
      <c r="AW51" s="928"/>
      <c r="AX51" s="928"/>
      <c r="AY51" s="928"/>
      <c r="AZ51" s="931"/>
      <c r="BA51" s="931"/>
      <c r="BB51" s="931"/>
      <c r="BC51" s="931"/>
      <c r="BD51" s="931"/>
      <c r="BE51" s="917"/>
      <c r="BF51" s="917"/>
      <c r="BG51" s="917"/>
      <c r="BH51" s="917"/>
      <c r="BI51" s="918"/>
      <c r="BJ51" s="253"/>
      <c r="BK51" s="253"/>
      <c r="BL51" s="253"/>
      <c r="BM51" s="253"/>
      <c r="BN51" s="253"/>
      <c r="BO51" s="266"/>
      <c r="BP51" s="266"/>
      <c r="BQ51" s="263">
        <v>
45</v>
      </c>
      <c r="BR51" s="264"/>
      <c r="BS51" s="852"/>
      <c r="BT51" s="853"/>
      <c r="BU51" s="853"/>
      <c r="BV51" s="853"/>
      <c r="BW51" s="853"/>
      <c r="BX51" s="853"/>
      <c r="BY51" s="853"/>
      <c r="BZ51" s="853"/>
      <c r="CA51" s="853"/>
      <c r="CB51" s="853"/>
      <c r="CC51" s="853"/>
      <c r="CD51" s="853"/>
      <c r="CE51" s="853"/>
      <c r="CF51" s="853"/>
      <c r="CG51" s="854"/>
      <c r="CH51" s="865"/>
      <c r="CI51" s="866"/>
      <c r="CJ51" s="866"/>
      <c r="CK51" s="866"/>
      <c r="CL51" s="867"/>
      <c r="CM51" s="865"/>
      <c r="CN51" s="866"/>
      <c r="CO51" s="866"/>
      <c r="CP51" s="866"/>
      <c r="CQ51" s="867"/>
      <c r="CR51" s="865"/>
      <c r="CS51" s="866"/>
      <c r="CT51" s="866"/>
      <c r="CU51" s="866"/>
      <c r="CV51" s="867"/>
      <c r="CW51" s="865"/>
      <c r="CX51" s="866"/>
      <c r="CY51" s="866"/>
      <c r="CZ51" s="866"/>
      <c r="DA51" s="867"/>
      <c r="DB51" s="865"/>
      <c r="DC51" s="866"/>
      <c r="DD51" s="866"/>
      <c r="DE51" s="866"/>
      <c r="DF51" s="867"/>
      <c r="DG51" s="865"/>
      <c r="DH51" s="866"/>
      <c r="DI51" s="866"/>
      <c r="DJ51" s="866"/>
      <c r="DK51" s="867"/>
      <c r="DL51" s="865"/>
      <c r="DM51" s="866"/>
      <c r="DN51" s="866"/>
      <c r="DO51" s="866"/>
      <c r="DP51" s="867"/>
      <c r="DQ51" s="865"/>
      <c r="DR51" s="866"/>
      <c r="DS51" s="866"/>
      <c r="DT51" s="866"/>
      <c r="DU51" s="867"/>
      <c r="DV51" s="868"/>
      <c r="DW51" s="869"/>
      <c r="DX51" s="869"/>
      <c r="DY51" s="869"/>
      <c r="DZ51" s="870"/>
      <c r="EA51" s="247"/>
    </row>
    <row r="52" spans="1:131" s="248" customFormat="1" ht="26.25" customHeight="1" x14ac:dyDescent="0.2">
      <c r="A52" s="262">
        <v>
25</v>
      </c>
      <c r="B52" s="839"/>
      <c r="C52" s="840"/>
      <c r="D52" s="840"/>
      <c r="E52" s="840"/>
      <c r="F52" s="840"/>
      <c r="G52" s="840"/>
      <c r="H52" s="840"/>
      <c r="I52" s="840"/>
      <c r="J52" s="840"/>
      <c r="K52" s="840"/>
      <c r="L52" s="840"/>
      <c r="M52" s="840"/>
      <c r="N52" s="840"/>
      <c r="O52" s="840"/>
      <c r="P52" s="841"/>
      <c r="Q52" s="927"/>
      <c r="R52" s="928"/>
      <c r="S52" s="928"/>
      <c r="T52" s="928"/>
      <c r="U52" s="928"/>
      <c r="V52" s="928"/>
      <c r="W52" s="928"/>
      <c r="X52" s="928"/>
      <c r="Y52" s="928"/>
      <c r="Z52" s="928"/>
      <c r="AA52" s="928"/>
      <c r="AB52" s="928"/>
      <c r="AC52" s="928"/>
      <c r="AD52" s="928"/>
      <c r="AE52" s="929"/>
      <c r="AF52" s="845"/>
      <c r="AG52" s="846"/>
      <c r="AH52" s="846"/>
      <c r="AI52" s="846"/>
      <c r="AJ52" s="847"/>
      <c r="AK52" s="930"/>
      <c r="AL52" s="928"/>
      <c r="AM52" s="928"/>
      <c r="AN52" s="928"/>
      <c r="AO52" s="928"/>
      <c r="AP52" s="928"/>
      <c r="AQ52" s="928"/>
      <c r="AR52" s="928"/>
      <c r="AS52" s="928"/>
      <c r="AT52" s="928"/>
      <c r="AU52" s="928"/>
      <c r="AV52" s="928"/>
      <c r="AW52" s="928"/>
      <c r="AX52" s="928"/>
      <c r="AY52" s="928"/>
      <c r="AZ52" s="931"/>
      <c r="BA52" s="931"/>
      <c r="BB52" s="931"/>
      <c r="BC52" s="931"/>
      <c r="BD52" s="931"/>
      <c r="BE52" s="917"/>
      <c r="BF52" s="917"/>
      <c r="BG52" s="917"/>
      <c r="BH52" s="917"/>
      <c r="BI52" s="918"/>
      <c r="BJ52" s="253"/>
      <c r="BK52" s="253"/>
      <c r="BL52" s="253"/>
      <c r="BM52" s="253"/>
      <c r="BN52" s="253"/>
      <c r="BO52" s="266"/>
      <c r="BP52" s="266"/>
      <c r="BQ52" s="263">
        <v>
46</v>
      </c>
      <c r="BR52" s="264"/>
      <c r="BS52" s="852"/>
      <c r="BT52" s="853"/>
      <c r="BU52" s="853"/>
      <c r="BV52" s="853"/>
      <c r="BW52" s="853"/>
      <c r="BX52" s="853"/>
      <c r="BY52" s="853"/>
      <c r="BZ52" s="853"/>
      <c r="CA52" s="853"/>
      <c r="CB52" s="853"/>
      <c r="CC52" s="853"/>
      <c r="CD52" s="853"/>
      <c r="CE52" s="853"/>
      <c r="CF52" s="853"/>
      <c r="CG52" s="854"/>
      <c r="CH52" s="865"/>
      <c r="CI52" s="866"/>
      <c r="CJ52" s="866"/>
      <c r="CK52" s="866"/>
      <c r="CL52" s="867"/>
      <c r="CM52" s="865"/>
      <c r="CN52" s="866"/>
      <c r="CO52" s="866"/>
      <c r="CP52" s="866"/>
      <c r="CQ52" s="867"/>
      <c r="CR52" s="865"/>
      <c r="CS52" s="866"/>
      <c r="CT52" s="866"/>
      <c r="CU52" s="866"/>
      <c r="CV52" s="867"/>
      <c r="CW52" s="865"/>
      <c r="CX52" s="866"/>
      <c r="CY52" s="866"/>
      <c r="CZ52" s="866"/>
      <c r="DA52" s="867"/>
      <c r="DB52" s="865"/>
      <c r="DC52" s="866"/>
      <c r="DD52" s="866"/>
      <c r="DE52" s="866"/>
      <c r="DF52" s="867"/>
      <c r="DG52" s="865"/>
      <c r="DH52" s="866"/>
      <c r="DI52" s="866"/>
      <c r="DJ52" s="866"/>
      <c r="DK52" s="867"/>
      <c r="DL52" s="865"/>
      <c r="DM52" s="866"/>
      <c r="DN52" s="866"/>
      <c r="DO52" s="866"/>
      <c r="DP52" s="867"/>
      <c r="DQ52" s="865"/>
      <c r="DR52" s="866"/>
      <c r="DS52" s="866"/>
      <c r="DT52" s="866"/>
      <c r="DU52" s="867"/>
      <c r="DV52" s="868"/>
      <c r="DW52" s="869"/>
      <c r="DX52" s="869"/>
      <c r="DY52" s="869"/>
      <c r="DZ52" s="870"/>
      <c r="EA52" s="247"/>
    </row>
    <row r="53" spans="1:131" s="248" customFormat="1" ht="26.25" customHeight="1" x14ac:dyDescent="0.2">
      <c r="A53" s="262">
        <v>
26</v>
      </c>
      <c r="B53" s="839"/>
      <c r="C53" s="840"/>
      <c r="D53" s="840"/>
      <c r="E53" s="840"/>
      <c r="F53" s="840"/>
      <c r="G53" s="840"/>
      <c r="H53" s="840"/>
      <c r="I53" s="840"/>
      <c r="J53" s="840"/>
      <c r="K53" s="840"/>
      <c r="L53" s="840"/>
      <c r="M53" s="840"/>
      <c r="N53" s="840"/>
      <c r="O53" s="840"/>
      <c r="P53" s="841"/>
      <c r="Q53" s="927"/>
      <c r="R53" s="928"/>
      <c r="S53" s="928"/>
      <c r="T53" s="928"/>
      <c r="U53" s="928"/>
      <c r="V53" s="928"/>
      <c r="W53" s="928"/>
      <c r="X53" s="928"/>
      <c r="Y53" s="928"/>
      <c r="Z53" s="928"/>
      <c r="AA53" s="928"/>
      <c r="AB53" s="928"/>
      <c r="AC53" s="928"/>
      <c r="AD53" s="928"/>
      <c r="AE53" s="929"/>
      <c r="AF53" s="845"/>
      <c r="AG53" s="846"/>
      <c r="AH53" s="846"/>
      <c r="AI53" s="846"/>
      <c r="AJ53" s="847"/>
      <c r="AK53" s="930"/>
      <c r="AL53" s="928"/>
      <c r="AM53" s="928"/>
      <c r="AN53" s="928"/>
      <c r="AO53" s="928"/>
      <c r="AP53" s="928"/>
      <c r="AQ53" s="928"/>
      <c r="AR53" s="928"/>
      <c r="AS53" s="928"/>
      <c r="AT53" s="928"/>
      <c r="AU53" s="928"/>
      <c r="AV53" s="928"/>
      <c r="AW53" s="928"/>
      <c r="AX53" s="928"/>
      <c r="AY53" s="928"/>
      <c r="AZ53" s="931"/>
      <c r="BA53" s="931"/>
      <c r="BB53" s="931"/>
      <c r="BC53" s="931"/>
      <c r="BD53" s="931"/>
      <c r="BE53" s="917"/>
      <c r="BF53" s="917"/>
      <c r="BG53" s="917"/>
      <c r="BH53" s="917"/>
      <c r="BI53" s="918"/>
      <c r="BJ53" s="253"/>
      <c r="BK53" s="253"/>
      <c r="BL53" s="253"/>
      <c r="BM53" s="253"/>
      <c r="BN53" s="253"/>
      <c r="BO53" s="266"/>
      <c r="BP53" s="266"/>
      <c r="BQ53" s="263">
        <v>
47</v>
      </c>
      <c r="BR53" s="264"/>
      <c r="BS53" s="852"/>
      <c r="BT53" s="853"/>
      <c r="BU53" s="853"/>
      <c r="BV53" s="853"/>
      <c r="BW53" s="853"/>
      <c r="BX53" s="853"/>
      <c r="BY53" s="853"/>
      <c r="BZ53" s="853"/>
      <c r="CA53" s="853"/>
      <c r="CB53" s="853"/>
      <c r="CC53" s="853"/>
      <c r="CD53" s="853"/>
      <c r="CE53" s="853"/>
      <c r="CF53" s="853"/>
      <c r="CG53" s="854"/>
      <c r="CH53" s="865"/>
      <c r="CI53" s="866"/>
      <c r="CJ53" s="866"/>
      <c r="CK53" s="866"/>
      <c r="CL53" s="867"/>
      <c r="CM53" s="865"/>
      <c r="CN53" s="866"/>
      <c r="CO53" s="866"/>
      <c r="CP53" s="866"/>
      <c r="CQ53" s="867"/>
      <c r="CR53" s="865"/>
      <c r="CS53" s="866"/>
      <c r="CT53" s="866"/>
      <c r="CU53" s="866"/>
      <c r="CV53" s="867"/>
      <c r="CW53" s="865"/>
      <c r="CX53" s="866"/>
      <c r="CY53" s="866"/>
      <c r="CZ53" s="866"/>
      <c r="DA53" s="867"/>
      <c r="DB53" s="865"/>
      <c r="DC53" s="866"/>
      <c r="DD53" s="866"/>
      <c r="DE53" s="866"/>
      <c r="DF53" s="867"/>
      <c r="DG53" s="865"/>
      <c r="DH53" s="866"/>
      <c r="DI53" s="866"/>
      <c r="DJ53" s="866"/>
      <c r="DK53" s="867"/>
      <c r="DL53" s="865"/>
      <c r="DM53" s="866"/>
      <c r="DN53" s="866"/>
      <c r="DO53" s="866"/>
      <c r="DP53" s="867"/>
      <c r="DQ53" s="865"/>
      <c r="DR53" s="866"/>
      <c r="DS53" s="866"/>
      <c r="DT53" s="866"/>
      <c r="DU53" s="867"/>
      <c r="DV53" s="868"/>
      <c r="DW53" s="869"/>
      <c r="DX53" s="869"/>
      <c r="DY53" s="869"/>
      <c r="DZ53" s="870"/>
      <c r="EA53" s="247"/>
    </row>
    <row r="54" spans="1:131" s="248" customFormat="1" ht="26.25" customHeight="1" x14ac:dyDescent="0.2">
      <c r="A54" s="262">
        <v>
27</v>
      </c>
      <c r="B54" s="839"/>
      <c r="C54" s="840"/>
      <c r="D54" s="840"/>
      <c r="E54" s="840"/>
      <c r="F54" s="840"/>
      <c r="G54" s="840"/>
      <c r="H54" s="840"/>
      <c r="I54" s="840"/>
      <c r="J54" s="840"/>
      <c r="K54" s="840"/>
      <c r="L54" s="840"/>
      <c r="M54" s="840"/>
      <c r="N54" s="840"/>
      <c r="O54" s="840"/>
      <c r="P54" s="841"/>
      <c r="Q54" s="927"/>
      <c r="R54" s="928"/>
      <c r="S54" s="928"/>
      <c r="T54" s="928"/>
      <c r="U54" s="928"/>
      <c r="V54" s="928"/>
      <c r="W54" s="928"/>
      <c r="X54" s="928"/>
      <c r="Y54" s="928"/>
      <c r="Z54" s="928"/>
      <c r="AA54" s="928"/>
      <c r="AB54" s="928"/>
      <c r="AC54" s="928"/>
      <c r="AD54" s="928"/>
      <c r="AE54" s="929"/>
      <c r="AF54" s="845"/>
      <c r="AG54" s="846"/>
      <c r="AH54" s="846"/>
      <c r="AI54" s="846"/>
      <c r="AJ54" s="847"/>
      <c r="AK54" s="930"/>
      <c r="AL54" s="928"/>
      <c r="AM54" s="928"/>
      <c r="AN54" s="928"/>
      <c r="AO54" s="928"/>
      <c r="AP54" s="928"/>
      <c r="AQ54" s="928"/>
      <c r="AR54" s="928"/>
      <c r="AS54" s="928"/>
      <c r="AT54" s="928"/>
      <c r="AU54" s="928"/>
      <c r="AV54" s="928"/>
      <c r="AW54" s="928"/>
      <c r="AX54" s="928"/>
      <c r="AY54" s="928"/>
      <c r="AZ54" s="931"/>
      <c r="BA54" s="931"/>
      <c r="BB54" s="931"/>
      <c r="BC54" s="931"/>
      <c r="BD54" s="931"/>
      <c r="BE54" s="917"/>
      <c r="BF54" s="917"/>
      <c r="BG54" s="917"/>
      <c r="BH54" s="917"/>
      <c r="BI54" s="918"/>
      <c r="BJ54" s="253"/>
      <c r="BK54" s="253"/>
      <c r="BL54" s="253"/>
      <c r="BM54" s="253"/>
      <c r="BN54" s="253"/>
      <c r="BO54" s="266"/>
      <c r="BP54" s="266"/>
      <c r="BQ54" s="263">
        <v>
48</v>
      </c>
      <c r="BR54" s="264"/>
      <c r="BS54" s="852"/>
      <c r="BT54" s="853"/>
      <c r="BU54" s="853"/>
      <c r="BV54" s="853"/>
      <c r="BW54" s="853"/>
      <c r="BX54" s="853"/>
      <c r="BY54" s="853"/>
      <c r="BZ54" s="853"/>
      <c r="CA54" s="853"/>
      <c r="CB54" s="853"/>
      <c r="CC54" s="853"/>
      <c r="CD54" s="853"/>
      <c r="CE54" s="853"/>
      <c r="CF54" s="853"/>
      <c r="CG54" s="854"/>
      <c r="CH54" s="865"/>
      <c r="CI54" s="866"/>
      <c r="CJ54" s="866"/>
      <c r="CK54" s="866"/>
      <c r="CL54" s="867"/>
      <c r="CM54" s="865"/>
      <c r="CN54" s="866"/>
      <c r="CO54" s="866"/>
      <c r="CP54" s="866"/>
      <c r="CQ54" s="867"/>
      <c r="CR54" s="865"/>
      <c r="CS54" s="866"/>
      <c r="CT54" s="866"/>
      <c r="CU54" s="866"/>
      <c r="CV54" s="867"/>
      <c r="CW54" s="865"/>
      <c r="CX54" s="866"/>
      <c r="CY54" s="866"/>
      <c r="CZ54" s="866"/>
      <c r="DA54" s="867"/>
      <c r="DB54" s="865"/>
      <c r="DC54" s="866"/>
      <c r="DD54" s="866"/>
      <c r="DE54" s="866"/>
      <c r="DF54" s="867"/>
      <c r="DG54" s="865"/>
      <c r="DH54" s="866"/>
      <c r="DI54" s="866"/>
      <c r="DJ54" s="866"/>
      <c r="DK54" s="867"/>
      <c r="DL54" s="865"/>
      <c r="DM54" s="866"/>
      <c r="DN54" s="866"/>
      <c r="DO54" s="866"/>
      <c r="DP54" s="867"/>
      <c r="DQ54" s="865"/>
      <c r="DR54" s="866"/>
      <c r="DS54" s="866"/>
      <c r="DT54" s="866"/>
      <c r="DU54" s="867"/>
      <c r="DV54" s="868"/>
      <c r="DW54" s="869"/>
      <c r="DX54" s="869"/>
      <c r="DY54" s="869"/>
      <c r="DZ54" s="870"/>
      <c r="EA54" s="247"/>
    </row>
    <row r="55" spans="1:131" s="248" customFormat="1" ht="26.25" customHeight="1" x14ac:dyDescent="0.2">
      <c r="A55" s="262">
        <v>
28</v>
      </c>
      <c r="B55" s="839"/>
      <c r="C55" s="840"/>
      <c r="D55" s="840"/>
      <c r="E55" s="840"/>
      <c r="F55" s="840"/>
      <c r="G55" s="840"/>
      <c r="H55" s="840"/>
      <c r="I55" s="840"/>
      <c r="J55" s="840"/>
      <c r="K55" s="840"/>
      <c r="L55" s="840"/>
      <c r="M55" s="840"/>
      <c r="N55" s="840"/>
      <c r="O55" s="840"/>
      <c r="P55" s="841"/>
      <c r="Q55" s="927"/>
      <c r="R55" s="928"/>
      <c r="S55" s="928"/>
      <c r="T55" s="928"/>
      <c r="U55" s="928"/>
      <c r="V55" s="928"/>
      <c r="W55" s="928"/>
      <c r="X55" s="928"/>
      <c r="Y55" s="928"/>
      <c r="Z55" s="928"/>
      <c r="AA55" s="928"/>
      <c r="AB55" s="928"/>
      <c r="AC55" s="928"/>
      <c r="AD55" s="928"/>
      <c r="AE55" s="929"/>
      <c r="AF55" s="845"/>
      <c r="AG55" s="846"/>
      <c r="AH55" s="846"/>
      <c r="AI55" s="846"/>
      <c r="AJ55" s="847"/>
      <c r="AK55" s="930"/>
      <c r="AL55" s="928"/>
      <c r="AM55" s="928"/>
      <c r="AN55" s="928"/>
      <c r="AO55" s="928"/>
      <c r="AP55" s="928"/>
      <c r="AQ55" s="928"/>
      <c r="AR55" s="928"/>
      <c r="AS55" s="928"/>
      <c r="AT55" s="928"/>
      <c r="AU55" s="928"/>
      <c r="AV55" s="928"/>
      <c r="AW55" s="928"/>
      <c r="AX55" s="928"/>
      <c r="AY55" s="928"/>
      <c r="AZ55" s="931"/>
      <c r="BA55" s="931"/>
      <c r="BB55" s="931"/>
      <c r="BC55" s="931"/>
      <c r="BD55" s="931"/>
      <c r="BE55" s="917"/>
      <c r="BF55" s="917"/>
      <c r="BG55" s="917"/>
      <c r="BH55" s="917"/>
      <c r="BI55" s="918"/>
      <c r="BJ55" s="253"/>
      <c r="BK55" s="253"/>
      <c r="BL55" s="253"/>
      <c r="BM55" s="253"/>
      <c r="BN55" s="253"/>
      <c r="BO55" s="266"/>
      <c r="BP55" s="266"/>
      <c r="BQ55" s="263">
        <v>
49</v>
      </c>
      <c r="BR55" s="264"/>
      <c r="BS55" s="852"/>
      <c r="BT55" s="853"/>
      <c r="BU55" s="853"/>
      <c r="BV55" s="853"/>
      <c r="BW55" s="853"/>
      <c r="BX55" s="853"/>
      <c r="BY55" s="853"/>
      <c r="BZ55" s="853"/>
      <c r="CA55" s="853"/>
      <c r="CB55" s="853"/>
      <c r="CC55" s="853"/>
      <c r="CD55" s="853"/>
      <c r="CE55" s="853"/>
      <c r="CF55" s="853"/>
      <c r="CG55" s="854"/>
      <c r="CH55" s="865"/>
      <c r="CI55" s="866"/>
      <c r="CJ55" s="866"/>
      <c r="CK55" s="866"/>
      <c r="CL55" s="867"/>
      <c r="CM55" s="865"/>
      <c r="CN55" s="866"/>
      <c r="CO55" s="866"/>
      <c r="CP55" s="866"/>
      <c r="CQ55" s="867"/>
      <c r="CR55" s="865"/>
      <c r="CS55" s="866"/>
      <c r="CT55" s="866"/>
      <c r="CU55" s="866"/>
      <c r="CV55" s="867"/>
      <c r="CW55" s="865"/>
      <c r="CX55" s="866"/>
      <c r="CY55" s="866"/>
      <c r="CZ55" s="866"/>
      <c r="DA55" s="867"/>
      <c r="DB55" s="865"/>
      <c r="DC55" s="866"/>
      <c r="DD55" s="866"/>
      <c r="DE55" s="866"/>
      <c r="DF55" s="867"/>
      <c r="DG55" s="865"/>
      <c r="DH55" s="866"/>
      <c r="DI55" s="866"/>
      <c r="DJ55" s="866"/>
      <c r="DK55" s="867"/>
      <c r="DL55" s="865"/>
      <c r="DM55" s="866"/>
      <c r="DN55" s="866"/>
      <c r="DO55" s="866"/>
      <c r="DP55" s="867"/>
      <c r="DQ55" s="865"/>
      <c r="DR55" s="866"/>
      <c r="DS55" s="866"/>
      <c r="DT55" s="866"/>
      <c r="DU55" s="867"/>
      <c r="DV55" s="868"/>
      <c r="DW55" s="869"/>
      <c r="DX55" s="869"/>
      <c r="DY55" s="869"/>
      <c r="DZ55" s="870"/>
      <c r="EA55" s="247"/>
    </row>
    <row r="56" spans="1:131" s="248" customFormat="1" ht="26.25" customHeight="1" x14ac:dyDescent="0.2">
      <c r="A56" s="262">
        <v>
29</v>
      </c>
      <c r="B56" s="839"/>
      <c r="C56" s="840"/>
      <c r="D56" s="840"/>
      <c r="E56" s="840"/>
      <c r="F56" s="840"/>
      <c r="G56" s="840"/>
      <c r="H56" s="840"/>
      <c r="I56" s="840"/>
      <c r="J56" s="840"/>
      <c r="K56" s="840"/>
      <c r="L56" s="840"/>
      <c r="M56" s="840"/>
      <c r="N56" s="840"/>
      <c r="O56" s="840"/>
      <c r="P56" s="841"/>
      <c r="Q56" s="927"/>
      <c r="R56" s="928"/>
      <c r="S56" s="928"/>
      <c r="T56" s="928"/>
      <c r="U56" s="928"/>
      <c r="V56" s="928"/>
      <c r="W56" s="928"/>
      <c r="X56" s="928"/>
      <c r="Y56" s="928"/>
      <c r="Z56" s="928"/>
      <c r="AA56" s="928"/>
      <c r="AB56" s="928"/>
      <c r="AC56" s="928"/>
      <c r="AD56" s="928"/>
      <c r="AE56" s="929"/>
      <c r="AF56" s="845"/>
      <c r="AG56" s="846"/>
      <c r="AH56" s="846"/>
      <c r="AI56" s="846"/>
      <c r="AJ56" s="847"/>
      <c r="AK56" s="930"/>
      <c r="AL56" s="928"/>
      <c r="AM56" s="928"/>
      <c r="AN56" s="928"/>
      <c r="AO56" s="928"/>
      <c r="AP56" s="928"/>
      <c r="AQ56" s="928"/>
      <c r="AR56" s="928"/>
      <c r="AS56" s="928"/>
      <c r="AT56" s="928"/>
      <c r="AU56" s="928"/>
      <c r="AV56" s="928"/>
      <c r="AW56" s="928"/>
      <c r="AX56" s="928"/>
      <c r="AY56" s="928"/>
      <c r="AZ56" s="931"/>
      <c r="BA56" s="931"/>
      <c r="BB56" s="931"/>
      <c r="BC56" s="931"/>
      <c r="BD56" s="931"/>
      <c r="BE56" s="917"/>
      <c r="BF56" s="917"/>
      <c r="BG56" s="917"/>
      <c r="BH56" s="917"/>
      <c r="BI56" s="918"/>
      <c r="BJ56" s="253"/>
      <c r="BK56" s="253"/>
      <c r="BL56" s="253"/>
      <c r="BM56" s="253"/>
      <c r="BN56" s="253"/>
      <c r="BO56" s="266"/>
      <c r="BP56" s="266"/>
      <c r="BQ56" s="263">
        <v>
50</v>
      </c>
      <c r="BR56" s="264"/>
      <c r="BS56" s="852"/>
      <c r="BT56" s="853"/>
      <c r="BU56" s="853"/>
      <c r="BV56" s="853"/>
      <c r="BW56" s="853"/>
      <c r="BX56" s="853"/>
      <c r="BY56" s="853"/>
      <c r="BZ56" s="853"/>
      <c r="CA56" s="853"/>
      <c r="CB56" s="853"/>
      <c r="CC56" s="853"/>
      <c r="CD56" s="853"/>
      <c r="CE56" s="853"/>
      <c r="CF56" s="853"/>
      <c r="CG56" s="854"/>
      <c r="CH56" s="865"/>
      <c r="CI56" s="866"/>
      <c r="CJ56" s="866"/>
      <c r="CK56" s="866"/>
      <c r="CL56" s="867"/>
      <c r="CM56" s="865"/>
      <c r="CN56" s="866"/>
      <c r="CO56" s="866"/>
      <c r="CP56" s="866"/>
      <c r="CQ56" s="867"/>
      <c r="CR56" s="865"/>
      <c r="CS56" s="866"/>
      <c r="CT56" s="866"/>
      <c r="CU56" s="866"/>
      <c r="CV56" s="867"/>
      <c r="CW56" s="865"/>
      <c r="CX56" s="866"/>
      <c r="CY56" s="866"/>
      <c r="CZ56" s="866"/>
      <c r="DA56" s="867"/>
      <c r="DB56" s="865"/>
      <c r="DC56" s="866"/>
      <c r="DD56" s="866"/>
      <c r="DE56" s="866"/>
      <c r="DF56" s="867"/>
      <c r="DG56" s="865"/>
      <c r="DH56" s="866"/>
      <c r="DI56" s="866"/>
      <c r="DJ56" s="866"/>
      <c r="DK56" s="867"/>
      <c r="DL56" s="865"/>
      <c r="DM56" s="866"/>
      <c r="DN56" s="866"/>
      <c r="DO56" s="866"/>
      <c r="DP56" s="867"/>
      <c r="DQ56" s="865"/>
      <c r="DR56" s="866"/>
      <c r="DS56" s="866"/>
      <c r="DT56" s="866"/>
      <c r="DU56" s="867"/>
      <c r="DV56" s="868"/>
      <c r="DW56" s="869"/>
      <c r="DX56" s="869"/>
      <c r="DY56" s="869"/>
      <c r="DZ56" s="870"/>
      <c r="EA56" s="247"/>
    </row>
    <row r="57" spans="1:131" s="248" customFormat="1" ht="26.25" customHeight="1" x14ac:dyDescent="0.2">
      <c r="A57" s="262">
        <v>
30</v>
      </c>
      <c r="B57" s="839"/>
      <c r="C57" s="840"/>
      <c r="D57" s="840"/>
      <c r="E57" s="840"/>
      <c r="F57" s="840"/>
      <c r="G57" s="840"/>
      <c r="H57" s="840"/>
      <c r="I57" s="840"/>
      <c r="J57" s="840"/>
      <c r="K57" s="840"/>
      <c r="L57" s="840"/>
      <c r="M57" s="840"/>
      <c r="N57" s="840"/>
      <c r="O57" s="840"/>
      <c r="P57" s="841"/>
      <c r="Q57" s="927"/>
      <c r="R57" s="928"/>
      <c r="S57" s="928"/>
      <c r="T57" s="928"/>
      <c r="U57" s="928"/>
      <c r="V57" s="928"/>
      <c r="W57" s="928"/>
      <c r="X57" s="928"/>
      <c r="Y57" s="928"/>
      <c r="Z57" s="928"/>
      <c r="AA57" s="928"/>
      <c r="AB57" s="928"/>
      <c r="AC57" s="928"/>
      <c r="AD57" s="928"/>
      <c r="AE57" s="929"/>
      <c r="AF57" s="845"/>
      <c r="AG57" s="846"/>
      <c r="AH57" s="846"/>
      <c r="AI57" s="846"/>
      <c r="AJ57" s="847"/>
      <c r="AK57" s="930"/>
      <c r="AL57" s="928"/>
      <c r="AM57" s="928"/>
      <c r="AN57" s="928"/>
      <c r="AO57" s="928"/>
      <c r="AP57" s="928"/>
      <c r="AQ57" s="928"/>
      <c r="AR57" s="928"/>
      <c r="AS57" s="928"/>
      <c r="AT57" s="928"/>
      <c r="AU57" s="928"/>
      <c r="AV57" s="928"/>
      <c r="AW57" s="928"/>
      <c r="AX57" s="928"/>
      <c r="AY57" s="928"/>
      <c r="AZ57" s="931"/>
      <c r="BA57" s="931"/>
      <c r="BB57" s="931"/>
      <c r="BC57" s="931"/>
      <c r="BD57" s="931"/>
      <c r="BE57" s="917"/>
      <c r="BF57" s="917"/>
      <c r="BG57" s="917"/>
      <c r="BH57" s="917"/>
      <c r="BI57" s="918"/>
      <c r="BJ57" s="253"/>
      <c r="BK57" s="253"/>
      <c r="BL57" s="253"/>
      <c r="BM57" s="253"/>
      <c r="BN57" s="253"/>
      <c r="BO57" s="266"/>
      <c r="BP57" s="266"/>
      <c r="BQ57" s="263">
        <v>
51</v>
      </c>
      <c r="BR57" s="264"/>
      <c r="BS57" s="852"/>
      <c r="BT57" s="853"/>
      <c r="BU57" s="853"/>
      <c r="BV57" s="853"/>
      <c r="BW57" s="853"/>
      <c r="BX57" s="853"/>
      <c r="BY57" s="853"/>
      <c r="BZ57" s="853"/>
      <c r="CA57" s="853"/>
      <c r="CB57" s="853"/>
      <c r="CC57" s="853"/>
      <c r="CD57" s="853"/>
      <c r="CE57" s="853"/>
      <c r="CF57" s="853"/>
      <c r="CG57" s="854"/>
      <c r="CH57" s="865"/>
      <c r="CI57" s="866"/>
      <c r="CJ57" s="866"/>
      <c r="CK57" s="866"/>
      <c r="CL57" s="867"/>
      <c r="CM57" s="865"/>
      <c r="CN57" s="866"/>
      <c r="CO57" s="866"/>
      <c r="CP57" s="866"/>
      <c r="CQ57" s="867"/>
      <c r="CR57" s="865"/>
      <c r="CS57" s="866"/>
      <c r="CT57" s="866"/>
      <c r="CU57" s="866"/>
      <c r="CV57" s="867"/>
      <c r="CW57" s="865"/>
      <c r="CX57" s="866"/>
      <c r="CY57" s="866"/>
      <c r="CZ57" s="866"/>
      <c r="DA57" s="867"/>
      <c r="DB57" s="865"/>
      <c r="DC57" s="866"/>
      <c r="DD57" s="866"/>
      <c r="DE57" s="866"/>
      <c r="DF57" s="867"/>
      <c r="DG57" s="865"/>
      <c r="DH57" s="866"/>
      <c r="DI57" s="866"/>
      <c r="DJ57" s="866"/>
      <c r="DK57" s="867"/>
      <c r="DL57" s="865"/>
      <c r="DM57" s="866"/>
      <c r="DN57" s="866"/>
      <c r="DO57" s="866"/>
      <c r="DP57" s="867"/>
      <c r="DQ57" s="865"/>
      <c r="DR57" s="866"/>
      <c r="DS57" s="866"/>
      <c r="DT57" s="866"/>
      <c r="DU57" s="867"/>
      <c r="DV57" s="868"/>
      <c r="DW57" s="869"/>
      <c r="DX57" s="869"/>
      <c r="DY57" s="869"/>
      <c r="DZ57" s="870"/>
      <c r="EA57" s="247"/>
    </row>
    <row r="58" spans="1:131" s="248" customFormat="1" ht="26.25" customHeight="1" x14ac:dyDescent="0.2">
      <c r="A58" s="262">
        <v>
31</v>
      </c>
      <c r="B58" s="839"/>
      <c r="C58" s="840"/>
      <c r="D58" s="840"/>
      <c r="E58" s="840"/>
      <c r="F58" s="840"/>
      <c r="G58" s="840"/>
      <c r="H58" s="840"/>
      <c r="I58" s="840"/>
      <c r="J58" s="840"/>
      <c r="K58" s="840"/>
      <c r="L58" s="840"/>
      <c r="M58" s="840"/>
      <c r="N58" s="840"/>
      <c r="O58" s="840"/>
      <c r="P58" s="841"/>
      <c r="Q58" s="927"/>
      <c r="R58" s="928"/>
      <c r="S58" s="928"/>
      <c r="T58" s="928"/>
      <c r="U58" s="928"/>
      <c r="V58" s="928"/>
      <c r="W58" s="928"/>
      <c r="X58" s="928"/>
      <c r="Y58" s="928"/>
      <c r="Z58" s="928"/>
      <c r="AA58" s="928"/>
      <c r="AB58" s="928"/>
      <c r="AC58" s="928"/>
      <c r="AD58" s="928"/>
      <c r="AE58" s="929"/>
      <c r="AF58" s="845"/>
      <c r="AG58" s="846"/>
      <c r="AH58" s="846"/>
      <c r="AI58" s="846"/>
      <c r="AJ58" s="847"/>
      <c r="AK58" s="930"/>
      <c r="AL58" s="928"/>
      <c r="AM58" s="928"/>
      <c r="AN58" s="928"/>
      <c r="AO58" s="928"/>
      <c r="AP58" s="928"/>
      <c r="AQ58" s="928"/>
      <c r="AR58" s="928"/>
      <c r="AS58" s="928"/>
      <c r="AT58" s="928"/>
      <c r="AU58" s="928"/>
      <c r="AV58" s="928"/>
      <c r="AW58" s="928"/>
      <c r="AX58" s="928"/>
      <c r="AY58" s="928"/>
      <c r="AZ58" s="931"/>
      <c r="BA58" s="931"/>
      <c r="BB58" s="931"/>
      <c r="BC58" s="931"/>
      <c r="BD58" s="931"/>
      <c r="BE58" s="917"/>
      <c r="BF58" s="917"/>
      <c r="BG58" s="917"/>
      <c r="BH58" s="917"/>
      <c r="BI58" s="918"/>
      <c r="BJ58" s="253"/>
      <c r="BK58" s="253"/>
      <c r="BL58" s="253"/>
      <c r="BM58" s="253"/>
      <c r="BN58" s="253"/>
      <c r="BO58" s="266"/>
      <c r="BP58" s="266"/>
      <c r="BQ58" s="263">
        <v>
52</v>
      </c>
      <c r="BR58" s="264"/>
      <c r="BS58" s="852"/>
      <c r="BT58" s="853"/>
      <c r="BU58" s="853"/>
      <c r="BV58" s="853"/>
      <c r="BW58" s="853"/>
      <c r="BX58" s="853"/>
      <c r="BY58" s="853"/>
      <c r="BZ58" s="853"/>
      <c r="CA58" s="853"/>
      <c r="CB58" s="853"/>
      <c r="CC58" s="853"/>
      <c r="CD58" s="853"/>
      <c r="CE58" s="853"/>
      <c r="CF58" s="853"/>
      <c r="CG58" s="854"/>
      <c r="CH58" s="865"/>
      <c r="CI58" s="866"/>
      <c r="CJ58" s="866"/>
      <c r="CK58" s="866"/>
      <c r="CL58" s="867"/>
      <c r="CM58" s="865"/>
      <c r="CN58" s="866"/>
      <c r="CO58" s="866"/>
      <c r="CP58" s="866"/>
      <c r="CQ58" s="867"/>
      <c r="CR58" s="865"/>
      <c r="CS58" s="866"/>
      <c r="CT58" s="866"/>
      <c r="CU58" s="866"/>
      <c r="CV58" s="867"/>
      <c r="CW58" s="865"/>
      <c r="CX58" s="866"/>
      <c r="CY58" s="866"/>
      <c r="CZ58" s="866"/>
      <c r="DA58" s="867"/>
      <c r="DB58" s="865"/>
      <c r="DC58" s="866"/>
      <c r="DD58" s="866"/>
      <c r="DE58" s="866"/>
      <c r="DF58" s="867"/>
      <c r="DG58" s="865"/>
      <c r="DH58" s="866"/>
      <c r="DI58" s="866"/>
      <c r="DJ58" s="866"/>
      <c r="DK58" s="867"/>
      <c r="DL58" s="865"/>
      <c r="DM58" s="866"/>
      <c r="DN58" s="866"/>
      <c r="DO58" s="866"/>
      <c r="DP58" s="867"/>
      <c r="DQ58" s="865"/>
      <c r="DR58" s="866"/>
      <c r="DS58" s="866"/>
      <c r="DT58" s="866"/>
      <c r="DU58" s="867"/>
      <c r="DV58" s="868"/>
      <c r="DW58" s="869"/>
      <c r="DX58" s="869"/>
      <c r="DY58" s="869"/>
      <c r="DZ58" s="870"/>
      <c r="EA58" s="247"/>
    </row>
    <row r="59" spans="1:131" s="248" customFormat="1" ht="26.25" customHeight="1" x14ac:dyDescent="0.2">
      <c r="A59" s="262">
        <v>
32</v>
      </c>
      <c r="B59" s="839"/>
      <c r="C59" s="840"/>
      <c r="D59" s="840"/>
      <c r="E59" s="840"/>
      <c r="F59" s="840"/>
      <c r="G59" s="840"/>
      <c r="H59" s="840"/>
      <c r="I59" s="840"/>
      <c r="J59" s="840"/>
      <c r="K59" s="840"/>
      <c r="L59" s="840"/>
      <c r="M59" s="840"/>
      <c r="N59" s="840"/>
      <c r="O59" s="840"/>
      <c r="P59" s="841"/>
      <c r="Q59" s="927"/>
      <c r="R59" s="928"/>
      <c r="S59" s="928"/>
      <c r="T59" s="928"/>
      <c r="U59" s="928"/>
      <c r="V59" s="928"/>
      <c r="W59" s="928"/>
      <c r="X59" s="928"/>
      <c r="Y59" s="928"/>
      <c r="Z59" s="928"/>
      <c r="AA59" s="928"/>
      <c r="AB59" s="928"/>
      <c r="AC59" s="928"/>
      <c r="AD59" s="928"/>
      <c r="AE59" s="929"/>
      <c r="AF59" s="845"/>
      <c r="AG59" s="846"/>
      <c r="AH59" s="846"/>
      <c r="AI59" s="846"/>
      <c r="AJ59" s="847"/>
      <c r="AK59" s="930"/>
      <c r="AL59" s="928"/>
      <c r="AM59" s="928"/>
      <c r="AN59" s="928"/>
      <c r="AO59" s="928"/>
      <c r="AP59" s="928"/>
      <c r="AQ59" s="928"/>
      <c r="AR59" s="928"/>
      <c r="AS59" s="928"/>
      <c r="AT59" s="928"/>
      <c r="AU59" s="928"/>
      <c r="AV59" s="928"/>
      <c r="AW59" s="928"/>
      <c r="AX59" s="928"/>
      <c r="AY59" s="928"/>
      <c r="AZ59" s="931"/>
      <c r="BA59" s="931"/>
      <c r="BB59" s="931"/>
      <c r="BC59" s="931"/>
      <c r="BD59" s="931"/>
      <c r="BE59" s="917"/>
      <c r="BF59" s="917"/>
      <c r="BG59" s="917"/>
      <c r="BH59" s="917"/>
      <c r="BI59" s="918"/>
      <c r="BJ59" s="253"/>
      <c r="BK59" s="253"/>
      <c r="BL59" s="253"/>
      <c r="BM59" s="253"/>
      <c r="BN59" s="253"/>
      <c r="BO59" s="266"/>
      <c r="BP59" s="266"/>
      <c r="BQ59" s="263">
        <v>
53</v>
      </c>
      <c r="BR59" s="264"/>
      <c r="BS59" s="852"/>
      <c r="BT59" s="853"/>
      <c r="BU59" s="853"/>
      <c r="BV59" s="853"/>
      <c r="BW59" s="853"/>
      <c r="BX59" s="853"/>
      <c r="BY59" s="853"/>
      <c r="BZ59" s="853"/>
      <c r="CA59" s="853"/>
      <c r="CB59" s="853"/>
      <c r="CC59" s="853"/>
      <c r="CD59" s="853"/>
      <c r="CE59" s="853"/>
      <c r="CF59" s="853"/>
      <c r="CG59" s="854"/>
      <c r="CH59" s="865"/>
      <c r="CI59" s="866"/>
      <c r="CJ59" s="866"/>
      <c r="CK59" s="866"/>
      <c r="CL59" s="867"/>
      <c r="CM59" s="865"/>
      <c r="CN59" s="866"/>
      <c r="CO59" s="866"/>
      <c r="CP59" s="866"/>
      <c r="CQ59" s="867"/>
      <c r="CR59" s="865"/>
      <c r="CS59" s="866"/>
      <c r="CT59" s="866"/>
      <c r="CU59" s="866"/>
      <c r="CV59" s="867"/>
      <c r="CW59" s="865"/>
      <c r="CX59" s="866"/>
      <c r="CY59" s="866"/>
      <c r="CZ59" s="866"/>
      <c r="DA59" s="867"/>
      <c r="DB59" s="865"/>
      <c r="DC59" s="866"/>
      <c r="DD59" s="866"/>
      <c r="DE59" s="866"/>
      <c r="DF59" s="867"/>
      <c r="DG59" s="865"/>
      <c r="DH59" s="866"/>
      <c r="DI59" s="866"/>
      <c r="DJ59" s="866"/>
      <c r="DK59" s="867"/>
      <c r="DL59" s="865"/>
      <c r="DM59" s="866"/>
      <c r="DN59" s="866"/>
      <c r="DO59" s="866"/>
      <c r="DP59" s="867"/>
      <c r="DQ59" s="865"/>
      <c r="DR59" s="866"/>
      <c r="DS59" s="866"/>
      <c r="DT59" s="866"/>
      <c r="DU59" s="867"/>
      <c r="DV59" s="868"/>
      <c r="DW59" s="869"/>
      <c r="DX59" s="869"/>
      <c r="DY59" s="869"/>
      <c r="DZ59" s="870"/>
      <c r="EA59" s="247"/>
    </row>
    <row r="60" spans="1:131" s="248" customFormat="1" ht="26.25" customHeight="1" x14ac:dyDescent="0.2">
      <c r="A60" s="262">
        <v>
33</v>
      </c>
      <c r="B60" s="839"/>
      <c r="C60" s="840"/>
      <c r="D60" s="840"/>
      <c r="E60" s="840"/>
      <c r="F60" s="840"/>
      <c r="G60" s="840"/>
      <c r="H60" s="840"/>
      <c r="I60" s="840"/>
      <c r="J60" s="840"/>
      <c r="K60" s="840"/>
      <c r="L60" s="840"/>
      <c r="M60" s="840"/>
      <c r="N60" s="840"/>
      <c r="O60" s="840"/>
      <c r="P60" s="841"/>
      <c r="Q60" s="927"/>
      <c r="R60" s="928"/>
      <c r="S60" s="928"/>
      <c r="T60" s="928"/>
      <c r="U60" s="928"/>
      <c r="V60" s="928"/>
      <c r="W60" s="928"/>
      <c r="X60" s="928"/>
      <c r="Y60" s="928"/>
      <c r="Z60" s="928"/>
      <c r="AA60" s="928"/>
      <c r="AB60" s="928"/>
      <c r="AC60" s="928"/>
      <c r="AD60" s="928"/>
      <c r="AE60" s="929"/>
      <c r="AF60" s="845"/>
      <c r="AG60" s="846"/>
      <c r="AH60" s="846"/>
      <c r="AI60" s="846"/>
      <c r="AJ60" s="847"/>
      <c r="AK60" s="930"/>
      <c r="AL60" s="928"/>
      <c r="AM60" s="928"/>
      <c r="AN60" s="928"/>
      <c r="AO60" s="928"/>
      <c r="AP60" s="928"/>
      <c r="AQ60" s="928"/>
      <c r="AR60" s="928"/>
      <c r="AS60" s="928"/>
      <c r="AT60" s="928"/>
      <c r="AU60" s="928"/>
      <c r="AV60" s="928"/>
      <c r="AW60" s="928"/>
      <c r="AX60" s="928"/>
      <c r="AY60" s="928"/>
      <c r="AZ60" s="931"/>
      <c r="BA60" s="931"/>
      <c r="BB60" s="931"/>
      <c r="BC60" s="931"/>
      <c r="BD60" s="931"/>
      <c r="BE60" s="917"/>
      <c r="BF60" s="917"/>
      <c r="BG60" s="917"/>
      <c r="BH60" s="917"/>
      <c r="BI60" s="918"/>
      <c r="BJ60" s="253"/>
      <c r="BK60" s="253"/>
      <c r="BL60" s="253"/>
      <c r="BM60" s="253"/>
      <c r="BN60" s="253"/>
      <c r="BO60" s="266"/>
      <c r="BP60" s="266"/>
      <c r="BQ60" s="263">
        <v>
54</v>
      </c>
      <c r="BR60" s="264"/>
      <c r="BS60" s="852"/>
      <c r="BT60" s="853"/>
      <c r="BU60" s="853"/>
      <c r="BV60" s="853"/>
      <c r="BW60" s="853"/>
      <c r="BX60" s="853"/>
      <c r="BY60" s="853"/>
      <c r="BZ60" s="853"/>
      <c r="CA60" s="853"/>
      <c r="CB60" s="853"/>
      <c r="CC60" s="853"/>
      <c r="CD60" s="853"/>
      <c r="CE60" s="853"/>
      <c r="CF60" s="853"/>
      <c r="CG60" s="854"/>
      <c r="CH60" s="865"/>
      <c r="CI60" s="866"/>
      <c r="CJ60" s="866"/>
      <c r="CK60" s="866"/>
      <c r="CL60" s="867"/>
      <c r="CM60" s="865"/>
      <c r="CN60" s="866"/>
      <c r="CO60" s="866"/>
      <c r="CP60" s="866"/>
      <c r="CQ60" s="867"/>
      <c r="CR60" s="865"/>
      <c r="CS60" s="866"/>
      <c r="CT60" s="866"/>
      <c r="CU60" s="866"/>
      <c r="CV60" s="867"/>
      <c r="CW60" s="865"/>
      <c r="CX60" s="866"/>
      <c r="CY60" s="866"/>
      <c r="CZ60" s="866"/>
      <c r="DA60" s="867"/>
      <c r="DB60" s="865"/>
      <c r="DC60" s="866"/>
      <c r="DD60" s="866"/>
      <c r="DE60" s="866"/>
      <c r="DF60" s="867"/>
      <c r="DG60" s="865"/>
      <c r="DH60" s="866"/>
      <c r="DI60" s="866"/>
      <c r="DJ60" s="866"/>
      <c r="DK60" s="867"/>
      <c r="DL60" s="865"/>
      <c r="DM60" s="866"/>
      <c r="DN60" s="866"/>
      <c r="DO60" s="866"/>
      <c r="DP60" s="867"/>
      <c r="DQ60" s="865"/>
      <c r="DR60" s="866"/>
      <c r="DS60" s="866"/>
      <c r="DT60" s="866"/>
      <c r="DU60" s="867"/>
      <c r="DV60" s="868"/>
      <c r="DW60" s="869"/>
      <c r="DX60" s="869"/>
      <c r="DY60" s="869"/>
      <c r="DZ60" s="870"/>
      <c r="EA60" s="247"/>
    </row>
    <row r="61" spans="1:131" s="248" customFormat="1" ht="26.25" customHeight="1" thickBot="1" x14ac:dyDescent="0.25">
      <c r="A61" s="262">
        <v>
34</v>
      </c>
      <c r="B61" s="839"/>
      <c r="C61" s="840"/>
      <c r="D61" s="840"/>
      <c r="E61" s="840"/>
      <c r="F61" s="840"/>
      <c r="G61" s="840"/>
      <c r="H61" s="840"/>
      <c r="I61" s="840"/>
      <c r="J61" s="840"/>
      <c r="K61" s="840"/>
      <c r="L61" s="840"/>
      <c r="M61" s="840"/>
      <c r="N61" s="840"/>
      <c r="O61" s="840"/>
      <c r="P61" s="841"/>
      <c r="Q61" s="927"/>
      <c r="R61" s="928"/>
      <c r="S61" s="928"/>
      <c r="T61" s="928"/>
      <c r="U61" s="928"/>
      <c r="V61" s="928"/>
      <c r="W61" s="928"/>
      <c r="X61" s="928"/>
      <c r="Y61" s="928"/>
      <c r="Z61" s="928"/>
      <c r="AA61" s="928"/>
      <c r="AB61" s="928"/>
      <c r="AC61" s="928"/>
      <c r="AD61" s="928"/>
      <c r="AE61" s="929"/>
      <c r="AF61" s="845"/>
      <c r="AG61" s="846"/>
      <c r="AH61" s="846"/>
      <c r="AI61" s="846"/>
      <c r="AJ61" s="847"/>
      <c r="AK61" s="930"/>
      <c r="AL61" s="928"/>
      <c r="AM61" s="928"/>
      <c r="AN61" s="928"/>
      <c r="AO61" s="928"/>
      <c r="AP61" s="928"/>
      <c r="AQ61" s="928"/>
      <c r="AR61" s="928"/>
      <c r="AS61" s="928"/>
      <c r="AT61" s="928"/>
      <c r="AU61" s="928"/>
      <c r="AV61" s="928"/>
      <c r="AW61" s="928"/>
      <c r="AX61" s="928"/>
      <c r="AY61" s="928"/>
      <c r="AZ61" s="931"/>
      <c r="BA61" s="931"/>
      <c r="BB61" s="931"/>
      <c r="BC61" s="931"/>
      <c r="BD61" s="931"/>
      <c r="BE61" s="917"/>
      <c r="BF61" s="917"/>
      <c r="BG61" s="917"/>
      <c r="BH61" s="917"/>
      <c r="BI61" s="918"/>
      <c r="BJ61" s="253"/>
      <c r="BK61" s="253"/>
      <c r="BL61" s="253"/>
      <c r="BM61" s="253"/>
      <c r="BN61" s="253"/>
      <c r="BO61" s="266"/>
      <c r="BP61" s="266"/>
      <c r="BQ61" s="263">
        <v>
55</v>
      </c>
      <c r="BR61" s="264"/>
      <c r="BS61" s="852"/>
      <c r="BT61" s="853"/>
      <c r="BU61" s="853"/>
      <c r="BV61" s="853"/>
      <c r="BW61" s="853"/>
      <c r="BX61" s="853"/>
      <c r="BY61" s="853"/>
      <c r="BZ61" s="853"/>
      <c r="CA61" s="853"/>
      <c r="CB61" s="853"/>
      <c r="CC61" s="853"/>
      <c r="CD61" s="853"/>
      <c r="CE61" s="853"/>
      <c r="CF61" s="853"/>
      <c r="CG61" s="854"/>
      <c r="CH61" s="865"/>
      <c r="CI61" s="866"/>
      <c r="CJ61" s="866"/>
      <c r="CK61" s="866"/>
      <c r="CL61" s="867"/>
      <c r="CM61" s="865"/>
      <c r="CN61" s="866"/>
      <c r="CO61" s="866"/>
      <c r="CP61" s="866"/>
      <c r="CQ61" s="867"/>
      <c r="CR61" s="865"/>
      <c r="CS61" s="866"/>
      <c r="CT61" s="866"/>
      <c r="CU61" s="866"/>
      <c r="CV61" s="867"/>
      <c r="CW61" s="865"/>
      <c r="CX61" s="866"/>
      <c r="CY61" s="866"/>
      <c r="CZ61" s="866"/>
      <c r="DA61" s="867"/>
      <c r="DB61" s="865"/>
      <c r="DC61" s="866"/>
      <c r="DD61" s="866"/>
      <c r="DE61" s="866"/>
      <c r="DF61" s="867"/>
      <c r="DG61" s="865"/>
      <c r="DH61" s="866"/>
      <c r="DI61" s="866"/>
      <c r="DJ61" s="866"/>
      <c r="DK61" s="867"/>
      <c r="DL61" s="865"/>
      <c r="DM61" s="866"/>
      <c r="DN61" s="866"/>
      <c r="DO61" s="866"/>
      <c r="DP61" s="867"/>
      <c r="DQ61" s="865"/>
      <c r="DR61" s="866"/>
      <c r="DS61" s="866"/>
      <c r="DT61" s="866"/>
      <c r="DU61" s="867"/>
      <c r="DV61" s="868"/>
      <c r="DW61" s="869"/>
      <c r="DX61" s="869"/>
      <c r="DY61" s="869"/>
      <c r="DZ61" s="870"/>
      <c r="EA61" s="247"/>
    </row>
    <row r="62" spans="1:131" s="248" customFormat="1" ht="26.25" customHeight="1" x14ac:dyDescent="0.2">
      <c r="A62" s="262">
        <v>
35</v>
      </c>
      <c r="B62" s="839"/>
      <c r="C62" s="840"/>
      <c r="D62" s="840"/>
      <c r="E62" s="840"/>
      <c r="F62" s="840"/>
      <c r="G62" s="840"/>
      <c r="H62" s="840"/>
      <c r="I62" s="840"/>
      <c r="J62" s="840"/>
      <c r="K62" s="840"/>
      <c r="L62" s="840"/>
      <c r="M62" s="840"/>
      <c r="N62" s="840"/>
      <c r="O62" s="840"/>
      <c r="P62" s="841"/>
      <c r="Q62" s="927"/>
      <c r="R62" s="928"/>
      <c r="S62" s="928"/>
      <c r="T62" s="928"/>
      <c r="U62" s="928"/>
      <c r="V62" s="928"/>
      <c r="W62" s="928"/>
      <c r="X62" s="928"/>
      <c r="Y62" s="928"/>
      <c r="Z62" s="928"/>
      <c r="AA62" s="928"/>
      <c r="AB62" s="928"/>
      <c r="AC62" s="928"/>
      <c r="AD62" s="928"/>
      <c r="AE62" s="929"/>
      <c r="AF62" s="845"/>
      <c r="AG62" s="846"/>
      <c r="AH62" s="846"/>
      <c r="AI62" s="846"/>
      <c r="AJ62" s="847"/>
      <c r="AK62" s="930"/>
      <c r="AL62" s="928"/>
      <c r="AM62" s="928"/>
      <c r="AN62" s="928"/>
      <c r="AO62" s="928"/>
      <c r="AP62" s="928"/>
      <c r="AQ62" s="928"/>
      <c r="AR62" s="928"/>
      <c r="AS62" s="928"/>
      <c r="AT62" s="928"/>
      <c r="AU62" s="928"/>
      <c r="AV62" s="928"/>
      <c r="AW62" s="928"/>
      <c r="AX62" s="928"/>
      <c r="AY62" s="928"/>
      <c r="AZ62" s="931"/>
      <c r="BA62" s="931"/>
      <c r="BB62" s="931"/>
      <c r="BC62" s="931"/>
      <c r="BD62" s="931"/>
      <c r="BE62" s="917"/>
      <c r="BF62" s="917"/>
      <c r="BG62" s="917"/>
      <c r="BH62" s="917"/>
      <c r="BI62" s="918"/>
      <c r="BJ62" s="939" t="s">
        <v>
413</v>
      </c>
      <c r="BK62" s="890"/>
      <c r="BL62" s="890"/>
      <c r="BM62" s="890"/>
      <c r="BN62" s="891"/>
      <c r="BO62" s="266"/>
      <c r="BP62" s="266"/>
      <c r="BQ62" s="263">
        <v>
56</v>
      </c>
      <c r="BR62" s="264"/>
      <c r="BS62" s="852"/>
      <c r="BT62" s="853"/>
      <c r="BU62" s="853"/>
      <c r="BV62" s="853"/>
      <c r="BW62" s="853"/>
      <c r="BX62" s="853"/>
      <c r="BY62" s="853"/>
      <c r="BZ62" s="853"/>
      <c r="CA62" s="853"/>
      <c r="CB62" s="853"/>
      <c r="CC62" s="853"/>
      <c r="CD62" s="853"/>
      <c r="CE62" s="853"/>
      <c r="CF62" s="853"/>
      <c r="CG62" s="854"/>
      <c r="CH62" s="865"/>
      <c r="CI62" s="866"/>
      <c r="CJ62" s="866"/>
      <c r="CK62" s="866"/>
      <c r="CL62" s="867"/>
      <c r="CM62" s="865"/>
      <c r="CN62" s="866"/>
      <c r="CO62" s="866"/>
      <c r="CP62" s="866"/>
      <c r="CQ62" s="867"/>
      <c r="CR62" s="865"/>
      <c r="CS62" s="866"/>
      <c r="CT62" s="866"/>
      <c r="CU62" s="866"/>
      <c r="CV62" s="867"/>
      <c r="CW62" s="865"/>
      <c r="CX62" s="866"/>
      <c r="CY62" s="866"/>
      <c r="CZ62" s="866"/>
      <c r="DA62" s="867"/>
      <c r="DB62" s="865"/>
      <c r="DC62" s="866"/>
      <c r="DD62" s="866"/>
      <c r="DE62" s="866"/>
      <c r="DF62" s="867"/>
      <c r="DG62" s="865"/>
      <c r="DH62" s="866"/>
      <c r="DI62" s="866"/>
      <c r="DJ62" s="866"/>
      <c r="DK62" s="867"/>
      <c r="DL62" s="865"/>
      <c r="DM62" s="866"/>
      <c r="DN62" s="866"/>
      <c r="DO62" s="866"/>
      <c r="DP62" s="867"/>
      <c r="DQ62" s="865"/>
      <c r="DR62" s="866"/>
      <c r="DS62" s="866"/>
      <c r="DT62" s="866"/>
      <c r="DU62" s="867"/>
      <c r="DV62" s="868"/>
      <c r="DW62" s="869"/>
      <c r="DX62" s="869"/>
      <c r="DY62" s="869"/>
      <c r="DZ62" s="870"/>
      <c r="EA62" s="247"/>
    </row>
    <row r="63" spans="1:131" s="248" customFormat="1" ht="26.25" customHeight="1" thickBot="1" x14ac:dyDescent="0.25">
      <c r="A63" s="265" t="s">
        <v>
398</v>
      </c>
      <c r="B63" s="874" t="s">
        <v>
414</v>
      </c>
      <c r="C63" s="875"/>
      <c r="D63" s="875"/>
      <c r="E63" s="875"/>
      <c r="F63" s="875"/>
      <c r="G63" s="875"/>
      <c r="H63" s="875"/>
      <c r="I63" s="875"/>
      <c r="J63" s="875"/>
      <c r="K63" s="875"/>
      <c r="L63" s="875"/>
      <c r="M63" s="875"/>
      <c r="N63" s="875"/>
      <c r="O63" s="875"/>
      <c r="P63" s="876"/>
      <c r="Q63" s="932"/>
      <c r="R63" s="933"/>
      <c r="S63" s="933"/>
      <c r="T63" s="933"/>
      <c r="U63" s="933"/>
      <c r="V63" s="933"/>
      <c r="W63" s="933"/>
      <c r="X63" s="933"/>
      <c r="Y63" s="933"/>
      <c r="Z63" s="933"/>
      <c r="AA63" s="933"/>
      <c r="AB63" s="933"/>
      <c r="AC63" s="933"/>
      <c r="AD63" s="933"/>
      <c r="AE63" s="934"/>
      <c r="AF63" s="935">
        <v>
1412</v>
      </c>
      <c r="AG63" s="936"/>
      <c r="AH63" s="936"/>
      <c r="AI63" s="936"/>
      <c r="AJ63" s="937"/>
      <c r="AK63" s="938"/>
      <c r="AL63" s="933"/>
      <c r="AM63" s="933"/>
      <c r="AN63" s="933"/>
      <c r="AO63" s="933"/>
      <c r="AP63" s="936"/>
      <c r="AQ63" s="936"/>
      <c r="AR63" s="936"/>
      <c r="AS63" s="936"/>
      <c r="AT63" s="936"/>
      <c r="AU63" s="936"/>
      <c r="AV63" s="936"/>
      <c r="AW63" s="936"/>
      <c r="AX63" s="936"/>
      <c r="AY63" s="936"/>
      <c r="AZ63" s="940"/>
      <c r="BA63" s="940"/>
      <c r="BB63" s="940"/>
      <c r="BC63" s="940"/>
      <c r="BD63" s="940"/>
      <c r="BE63" s="941"/>
      <c r="BF63" s="941"/>
      <c r="BG63" s="941"/>
      <c r="BH63" s="941"/>
      <c r="BI63" s="942"/>
      <c r="BJ63" s="943" t="s">
        <v>
178</v>
      </c>
      <c r="BK63" s="944"/>
      <c r="BL63" s="944"/>
      <c r="BM63" s="944"/>
      <c r="BN63" s="945"/>
      <c r="BO63" s="266"/>
      <c r="BP63" s="266"/>
      <c r="BQ63" s="263">
        <v>
57</v>
      </c>
      <c r="BR63" s="264"/>
      <c r="BS63" s="852"/>
      <c r="BT63" s="853"/>
      <c r="BU63" s="853"/>
      <c r="BV63" s="853"/>
      <c r="BW63" s="853"/>
      <c r="BX63" s="853"/>
      <c r="BY63" s="853"/>
      <c r="BZ63" s="853"/>
      <c r="CA63" s="853"/>
      <c r="CB63" s="853"/>
      <c r="CC63" s="853"/>
      <c r="CD63" s="853"/>
      <c r="CE63" s="853"/>
      <c r="CF63" s="853"/>
      <c r="CG63" s="854"/>
      <c r="CH63" s="865"/>
      <c r="CI63" s="866"/>
      <c r="CJ63" s="866"/>
      <c r="CK63" s="866"/>
      <c r="CL63" s="867"/>
      <c r="CM63" s="865"/>
      <c r="CN63" s="866"/>
      <c r="CO63" s="866"/>
      <c r="CP63" s="866"/>
      <c r="CQ63" s="867"/>
      <c r="CR63" s="865"/>
      <c r="CS63" s="866"/>
      <c r="CT63" s="866"/>
      <c r="CU63" s="866"/>
      <c r="CV63" s="867"/>
      <c r="CW63" s="865"/>
      <c r="CX63" s="866"/>
      <c r="CY63" s="866"/>
      <c r="CZ63" s="866"/>
      <c r="DA63" s="867"/>
      <c r="DB63" s="865"/>
      <c r="DC63" s="866"/>
      <c r="DD63" s="866"/>
      <c r="DE63" s="866"/>
      <c r="DF63" s="867"/>
      <c r="DG63" s="865"/>
      <c r="DH63" s="866"/>
      <c r="DI63" s="866"/>
      <c r="DJ63" s="866"/>
      <c r="DK63" s="867"/>
      <c r="DL63" s="865"/>
      <c r="DM63" s="866"/>
      <c r="DN63" s="866"/>
      <c r="DO63" s="866"/>
      <c r="DP63" s="867"/>
      <c r="DQ63" s="865"/>
      <c r="DR63" s="866"/>
      <c r="DS63" s="866"/>
      <c r="DT63" s="866"/>
      <c r="DU63" s="867"/>
      <c r="DV63" s="868"/>
      <c r="DW63" s="869"/>
      <c r="DX63" s="869"/>
      <c r="DY63" s="869"/>
      <c r="DZ63" s="870"/>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
58</v>
      </c>
      <c r="BR64" s="264"/>
      <c r="BS64" s="852"/>
      <c r="BT64" s="853"/>
      <c r="BU64" s="853"/>
      <c r="BV64" s="853"/>
      <c r="BW64" s="853"/>
      <c r="BX64" s="853"/>
      <c r="BY64" s="853"/>
      <c r="BZ64" s="853"/>
      <c r="CA64" s="853"/>
      <c r="CB64" s="853"/>
      <c r="CC64" s="853"/>
      <c r="CD64" s="853"/>
      <c r="CE64" s="853"/>
      <c r="CF64" s="853"/>
      <c r="CG64" s="854"/>
      <c r="CH64" s="865"/>
      <c r="CI64" s="866"/>
      <c r="CJ64" s="866"/>
      <c r="CK64" s="866"/>
      <c r="CL64" s="867"/>
      <c r="CM64" s="865"/>
      <c r="CN64" s="866"/>
      <c r="CO64" s="866"/>
      <c r="CP64" s="866"/>
      <c r="CQ64" s="867"/>
      <c r="CR64" s="865"/>
      <c r="CS64" s="866"/>
      <c r="CT64" s="866"/>
      <c r="CU64" s="866"/>
      <c r="CV64" s="867"/>
      <c r="CW64" s="865"/>
      <c r="CX64" s="866"/>
      <c r="CY64" s="866"/>
      <c r="CZ64" s="866"/>
      <c r="DA64" s="867"/>
      <c r="DB64" s="865"/>
      <c r="DC64" s="866"/>
      <c r="DD64" s="866"/>
      <c r="DE64" s="866"/>
      <c r="DF64" s="867"/>
      <c r="DG64" s="865"/>
      <c r="DH64" s="866"/>
      <c r="DI64" s="866"/>
      <c r="DJ64" s="866"/>
      <c r="DK64" s="867"/>
      <c r="DL64" s="865"/>
      <c r="DM64" s="866"/>
      <c r="DN64" s="866"/>
      <c r="DO64" s="866"/>
      <c r="DP64" s="867"/>
      <c r="DQ64" s="865"/>
      <c r="DR64" s="866"/>
      <c r="DS64" s="866"/>
      <c r="DT64" s="866"/>
      <c r="DU64" s="867"/>
      <c r="DV64" s="868"/>
      <c r="DW64" s="869"/>
      <c r="DX64" s="869"/>
      <c r="DY64" s="869"/>
      <c r="DZ64" s="870"/>
      <c r="EA64" s="247"/>
    </row>
    <row r="65" spans="1:131" s="248" customFormat="1" ht="26.25" customHeight="1" thickBot="1" x14ac:dyDescent="0.25">
      <c r="A65" s="253" t="s">
        <v>
415</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
59</v>
      </c>
      <c r="BR65" s="264"/>
      <c r="BS65" s="852"/>
      <c r="BT65" s="853"/>
      <c r="BU65" s="853"/>
      <c r="BV65" s="853"/>
      <c r="BW65" s="853"/>
      <c r="BX65" s="853"/>
      <c r="BY65" s="853"/>
      <c r="BZ65" s="853"/>
      <c r="CA65" s="853"/>
      <c r="CB65" s="853"/>
      <c r="CC65" s="853"/>
      <c r="CD65" s="853"/>
      <c r="CE65" s="853"/>
      <c r="CF65" s="853"/>
      <c r="CG65" s="854"/>
      <c r="CH65" s="865"/>
      <c r="CI65" s="866"/>
      <c r="CJ65" s="866"/>
      <c r="CK65" s="866"/>
      <c r="CL65" s="867"/>
      <c r="CM65" s="865"/>
      <c r="CN65" s="866"/>
      <c r="CO65" s="866"/>
      <c r="CP65" s="866"/>
      <c r="CQ65" s="867"/>
      <c r="CR65" s="865"/>
      <c r="CS65" s="866"/>
      <c r="CT65" s="866"/>
      <c r="CU65" s="866"/>
      <c r="CV65" s="867"/>
      <c r="CW65" s="865"/>
      <c r="CX65" s="866"/>
      <c r="CY65" s="866"/>
      <c r="CZ65" s="866"/>
      <c r="DA65" s="867"/>
      <c r="DB65" s="865"/>
      <c r="DC65" s="866"/>
      <c r="DD65" s="866"/>
      <c r="DE65" s="866"/>
      <c r="DF65" s="867"/>
      <c r="DG65" s="865"/>
      <c r="DH65" s="866"/>
      <c r="DI65" s="866"/>
      <c r="DJ65" s="866"/>
      <c r="DK65" s="867"/>
      <c r="DL65" s="865"/>
      <c r="DM65" s="866"/>
      <c r="DN65" s="866"/>
      <c r="DO65" s="866"/>
      <c r="DP65" s="867"/>
      <c r="DQ65" s="865"/>
      <c r="DR65" s="866"/>
      <c r="DS65" s="866"/>
      <c r="DT65" s="866"/>
      <c r="DU65" s="867"/>
      <c r="DV65" s="868"/>
      <c r="DW65" s="869"/>
      <c r="DX65" s="869"/>
      <c r="DY65" s="869"/>
      <c r="DZ65" s="870"/>
      <c r="EA65" s="247"/>
    </row>
    <row r="66" spans="1:131" s="248" customFormat="1" ht="26.25" customHeight="1" x14ac:dyDescent="0.2">
      <c r="A66" s="824" t="s">
        <v>
416</v>
      </c>
      <c r="B66" s="825"/>
      <c r="C66" s="825"/>
      <c r="D66" s="825"/>
      <c r="E66" s="825"/>
      <c r="F66" s="825"/>
      <c r="G66" s="825"/>
      <c r="H66" s="825"/>
      <c r="I66" s="825"/>
      <c r="J66" s="825"/>
      <c r="K66" s="825"/>
      <c r="L66" s="825"/>
      <c r="M66" s="825"/>
      <c r="N66" s="825"/>
      <c r="O66" s="825"/>
      <c r="P66" s="826"/>
      <c r="Q66" s="801" t="s">
        <v>
417</v>
      </c>
      <c r="R66" s="802"/>
      <c r="S66" s="802"/>
      <c r="T66" s="802"/>
      <c r="U66" s="803"/>
      <c r="V66" s="801" t="s">
        <v>
418</v>
      </c>
      <c r="W66" s="802"/>
      <c r="X66" s="802"/>
      <c r="Y66" s="802"/>
      <c r="Z66" s="803"/>
      <c r="AA66" s="801" t="s">
        <v>
419</v>
      </c>
      <c r="AB66" s="802"/>
      <c r="AC66" s="802"/>
      <c r="AD66" s="802"/>
      <c r="AE66" s="803"/>
      <c r="AF66" s="946" t="s">
        <v>
420</v>
      </c>
      <c r="AG66" s="897"/>
      <c r="AH66" s="897"/>
      <c r="AI66" s="897"/>
      <c r="AJ66" s="947"/>
      <c r="AK66" s="801" t="s">
        <v>
421</v>
      </c>
      <c r="AL66" s="825"/>
      <c r="AM66" s="825"/>
      <c r="AN66" s="825"/>
      <c r="AO66" s="826"/>
      <c r="AP66" s="801" t="s">
        <v>
407</v>
      </c>
      <c r="AQ66" s="802"/>
      <c r="AR66" s="802"/>
      <c r="AS66" s="802"/>
      <c r="AT66" s="803"/>
      <c r="AU66" s="801" t="s">
        <v>
422</v>
      </c>
      <c r="AV66" s="802"/>
      <c r="AW66" s="802"/>
      <c r="AX66" s="802"/>
      <c r="AY66" s="803"/>
      <c r="AZ66" s="801" t="s">
        <v>
386</v>
      </c>
      <c r="BA66" s="802"/>
      <c r="BB66" s="802"/>
      <c r="BC66" s="802"/>
      <c r="BD66" s="813"/>
      <c r="BE66" s="266"/>
      <c r="BF66" s="266"/>
      <c r="BG66" s="266"/>
      <c r="BH66" s="266"/>
      <c r="BI66" s="266"/>
      <c r="BJ66" s="266"/>
      <c r="BK66" s="266"/>
      <c r="BL66" s="266"/>
      <c r="BM66" s="266"/>
      <c r="BN66" s="266"/>
      <c r="BO66" s="266"/>
      <c r="BP66" s="266"/>
      <c r="BQ66" s="263">
        <v>
60</v>
      </c>
      <c r="BR66" s="268"/>
      <c r="BS66" s="957"/>
      <c r="BT66" s="958"/>
      <c r="BU66" s="958"/>
      <c r="BV66" s="958"/>
      <c r="BW66" s="958"/>
      <c r="BX66" s="958"/>
      <c r="BY66" s="958"/>
      <c r="BZ66" s="958"/>
      <c r="CA66" s="958"/>
      <c r="CB66" s="958"/>
      <c r="CC66" s="958"/>
      <c r="CD66" s="958"/>
      <c r="CE66" s="958"/>
      <c r="CF66" s="958"/>
      <c r="CG66" s="959"/>
      <c r="CH66" s="954"/>
      <c r="CI66" s="955"/>
      <c r="CJ66" s="955"/>
      <c r="CK66" s="955"/>
      <c r="CL66" s="956"/>
      <c r="CM66" s="954"/>
      <c r="CN66" s="955"/>
      <c r="CO66" s="955"/>
      <c r="CP66" s="955"/>
      <c r="CQ66" s="956"/>
      <c r="CR66" s="954"/>
      <c r="CS66" s="955"/>
      <c r="CT66" s="955"/>
      <c r="CU66" s="955"/>
      <c r="CV66" s="956"/>
      <c r="CW66" s="954"/>
      <c r="CX66" s="955"/>
      <c r="CY66" s="955"/>
      <c r="CZ66" s="955"/>
      <c r="DA66" s="956"/>
      <c r="DB66" s="954"/>
      <c r="DC66" s="955"/>
      <c r="DD66" s="955"/>
      <c r="DE66" s="955"/>
      <c r="DF66" s="956"/>
      <c r="DG66" s="954"/>
      <c r="DH66" s="955"/>
      <c r="DI66" s="955"/>
      <c r="DJ66" s="955"/>
      <c r="DK66" s="956"/>
      <c r="DL66" s="954"/>
      <c r="DM66" s="955"/>
      <c r="DN66" s="955"/>
      <c r="DO66" s="955"/>
      <c r="DP66" s="956"/>
      <c r="DQ66" s="954"/>
      <c r="DR66" s="955"/>
      <c r="DS66" s="955"/>
      <c r="DT66" s="955"/>
      <c r="DU66" s="956"/>
      <c r="DV66" s="951"/>
      <c r="DW66" s="952"/>
      <c r="DX66" s="952"/>
      <c r="DY66" s="952"/>
      <c r="DZ66" s="953"/>
      <c r="EA66" s="247"/>
    </row>
    <row r="67" spans="1:131" s="248" customFormat="1" ht="26.25" customHeight="1" thickBot="1" x14ac:dyDescent="0.25">
      <c r="A67" s="827"/>
      <c r="B67" s="828"/>
      <c r="C67" s="828"/>
      <c r="D67" s="828"/>
      <c r="E67" s="828"/>
      <c r="F67" s="828"/>
      <c r="G67" s="828"/>
      <c r="H67" s="828"/>
      <c r="I67" s="828"/>
      <c r="J67" s="828"/>
      <c r="K67" s="828"/>
      <c r="L67" s="828"/>
      <c r="M67" s="828"/>
      <c r="N67" s="828"/>
      <c r="O67" s="828"/>
      <c r="P67" s="829"/>
      <c r="Q67" s="804"/>
      <c r="R67" s="805"/>
      <c r="S67" s="805"/>
      <c r="T67" s="805"/>
      <c r="U67" s="806"/>
      <c r="V67" s="804"/>
      <c r="W67" s="805"/>
      <c r="X67" s="805"/>
      <c r="Y67" s="805"/>
      <c r="Z67" s="806"/>
      <c r="AA67" s="804"/>
      <c r="AB67" s="805"/>
      <c r="AC67" s="805"/>
      <c r="AD67" s="805"/>
      <c r="AE67" s="806"/>
      <c r="AF67" s="948"/>
      <c r="AG67" s="900"/>
      <c r="AH67" s="900"/>
      <c r="AI67" s="900"/>
      <c r="AJ67" s="949"/>
      <c r="AK67" s="950"/>
      <c r="AL67" s="828"/>
      <c r="AM67" s="828"/>
      <c r="AN67" s="828"/>
      <c r="AO67" s="829"/>
      <c r="AP67" s="804"/>
      <c r="AQ67" s="805"/>
      <c r="AR67" s="805"/>
      <c r="AS67" s="805"/>
      <c r="AT67" s="806"/>
      <c r="AU67" s="804"/>
      <c r="AV67" s="805"/>
      <c r="AW67" s="805"/>
      <c r="AX67" s="805"/>
      <c r="AY67" s="806"/>
      <c r="AZ67" s="804"/>
      <c r="BA67" s="805"/>
      <c r="BB67" s="805"/>
      <c r="BC67" s="805"/>
      <c r="BD67" s="814"/>
      <c r="BE67" s="266"/>
      <c r="BF67" s="266"/>
      <c r="BG67" s="266"/>
      <c r="BH67" s="266"/>
      <c r="BI67" s="266"/>
      <c r="BJ67" s="266"/>
      <c r="BK67" s="266"/>
      <c r="BL67" s="266"/>
      <c r="BM67" s="266"/>
      <c r="BN67" s="266"/>
      <c r="BO67" s="266"/>
      <c r="BP67" s="266"/>
      <c r="BQ67" s="263">
        <v>
61</v>
      </c>
      <c r="BR67" s="268"/>
      <c r="BS67" s="957"/>
      <c r="BT67" s="958"/>
      <c r="BU67" s="958"/>
      <c r="BV67" s="958"/>
      <c r="BW67" s="958"/>
      <c r="BX67" s="958"/>
      <c r="BY67" s="958"/>
      <c r="BZ67" s="958"/>
      <c r="CA67" s="958"/>
      <c r="CB67" s="958"/>
      <c r="CC67" s="958"/>
      <c r="CD67" s="958"/>
      <c r="CE67" s="958"/>
      <c r="CF67" s="958"/>
      <c r="CG67" s="959"/>
      <c r="CH67" s="954"/>
      <c r="CI67" s="955"/>
      <c r="CJ67" s="955"/>
      <c r="CK67" s="955"/>
      <c r="CL67" s="956"/>
      <c r="CM67" s="954"/>
      <c r="CN67" s="955"/>
      <c r="CO67" s="955"/>
      <c r="CP67" s="955"/>
      <c r="CQ67" s="956"/>
      <c r="CR67" s="954"/>
      <c r="CS67" s="955"/>
      <c r="CT67" s="955"/>
      <c r="CU67" s="955"/>
      <c r="CV67" s="956"/>
      <c r="CW67" s="954"/>
      <c r="CX67" s="955"/>
      <c r="CY67" s="955"/>
      <c r="CZ67" s="955"/>
      <c r="DA67" s="956"/>
      <c r="DB67" s="954"/>
      <c r="DC67" s="955"/>
      <c r="DD67" s="955"/>
      <c r="DE67" s="955"/>
      <c r="DF67" s="956"/>
      <c r="DG67" s="954"/>
      <c r="DH67" s="955"/>
      <c r="DI67" s="955"/>
      <c r="DJ67" s="955"/>
      <c r="DK67" s="956"/>
      <c r="DL67" s="954"/>
      <c r="DM67" s="955"/>
      <c r="DN67" s="955"/>
      <c r="DO67" s="955"/>
      <c r="DP67" s="956"/>
      <c r="DQ67" s="954"/>
      <c r="DR67" s="955"/>
      <c r="DS67" s="955"/>
      <c r="DT67" s="955"/>
      <c r="DU67" s="956"/>
      <c r="DV67" s="951"/>
      <c r="DW67" s="952"/>
      <c r="DX67" s="952"/>
      <c r="DY67" s="952"/>
      <c r="DZ67" s="953"/>
      <c r="EA67" s="247"/>
    </row>
    <row r="68" spans="1:131" s="248" customFormat="1" ht="26.25" customHeight="1" thickTop="1" x14ac:dyDescent="0.2">
      <c r="A68" s="259">
        <v>
1</v>
      </c>
      <c r="B68" s="963" t="s">
        <v>
569</v>
      </c>
      <c r="C68" s="964"/>
      <c r="D68" s="964"/>
      <c r="E68" s="964"/>
      <c r="F68" s="964"/>
      <c r="G68" s="964"/>
      <c r="H68" s="964"/>
      <c r="I68" s="964"/>
      <c r="J68" s="964"/>
      <c r="K68" s="964"/>
      <c r="L68" s="964"/>
      <c r="M68" s="964"/>
      <c r="N68" s="964"/>
      <c r="O68" s="964"/>
      <c r="P68" s="965"/>
      <c r="Q68" s="966">
        <v>
8285</v>
      </c>
      <c r="R68" s="960"/>
      <c r="S68" s="960"/>
      <c r="T68" s="960"/>
      <c r="U68" s="960"/>
      <c r="V68" s="960">
        <v>
7743</v>
      </c>
      <c r="W68" s="960"/>
      <c r="X68" s="960"/>
      <c r="Y68" s="960"/>
      <c r="Z68" s="960"/>
      <c r="AA68" s="960">
        <v>
541</v>
      </c>
      <c r="AB68" s="960"/>
      <c r="AC68" s="960"/>
      <c r="AD68" s="960"/>
      <c r="AE68" s="960"/>
      <c r="AF68" s="960">
        <v>
541</v>
      </c>
      <c r="AG68" s="960"/>
      <c r="AH68" s="960"/>
      <c r="AI68" s="960"/>
      <c r="AJ68" s="960"/>
      <c r="AK68" s="960">
        <v>
105</v>
      </c>
      <c r="AL68" s="960"/>
      <c r="AM68" s="960"/>
      <c r="AN68" s="960"/>
      <c r="AO68" s="960"/>
      <c r="AP68" s="960">
        <v>
4341</v>
      </c>
      <c r="AQ68" s="960"/>
      <c r="AR68" s="960"/>
      <c r="AS68" s="960"/>
      <c r="AT68" s="960"/>
      <c r="AU68" s="960">
        <v>
187</v>
      </c>
      <c r="AV68" s="960"/>
      <c r="AW68" s="960"/>
      <c r="AX68" s="960"/>
      <c r="AY68" s="960"/>
      <c r="AZ68" s="961"/>
      <c r="BA68" s="961"/>
      <c r="BB68" s="961"/>
      <c r="BC68" s="961"/>
      <c r="BD68" s="962"/>
      <c r="BE68" s="266"/>
      <c r="BF68" s="266"/>
      <c r="BG68" s="266"/>
      <c r="BH68" s="266"/>
      <c r="BI68" s="266"/>
      <c r="BJ68" s="266"/>
      <c r="BK68" s="266"/>
      <c r="BL68" s="266"/>
      <c r="BM68" s="266"/>
      <c r="BN68" s="266"/>
      <c r="BO68" s="266"/>
      <c r="BP68" s="266"/>
      <c r="BQ68" s="263">
        <v>
62</v>
      </c>
      <c r="BR68" s="268"/>
      <c r="BS68" s="957"/>
      <c r="BT68" s="958"/>
      <c r="BU68" s="958"/>
      <c r="BV68" s="958"/>
      <c r="BW68" s="958"/>
      <c r="BX68" s="958"/>
      <c r="BY68" s="958"/>
      <c r="BZ68" s="958"/>
      <c r="CA68" s="958"/>
      <c r="CB68" s="958"/>
      <c r="CC68" s="958"/>
      <c r="CD68" s="958"/>
      <c r="CE68" s="958"/>
      <c r="CF68" s="958"/>
      <c r="CG68" s="959"/>
      <c r="CH68" s="954"/>
      <c r="CI68" s="955"/>
      <c r="CJ68" s="955"/>
      <c r="CK68" s="955"/>
      <c r="CL68" s="956"/>
      <c r="CM68" s="954"/>
      <c r="CN68" s="955"/>
      <c r="CO68" s="955"/>
      <c r="CP68" s="955"/>
      <c r="CQ68" s="956"/>
      <c r="CR68" s="954"/>
      <c r="CS68" s="955"/>
      <c r="CT68" s="955"/>
      <c r="CU68" s="955"/>
      <c r="CV68" s="956"/>
      <c r="CW68" s="954"/>
      <c r="CX68" s="955"/>
      <c r="CY68" s="955"/>
      <c r="CZ68" s="955"/>
      <c r="DA68" s="956"/>
      <c r="DB68" s="954"/>
      <c r="DC68" s="955"/>
      <c r="DD68" s="955"/>
      <c r="DE68" s="955"/>
      <c r="DF68" s="956"/>
      <c r="DG68" s="954"/>
      <c r="DH68" s="955"/>
      <c r="DI68" s="955"/>
      <c r="DJ68" s="955"/>
      <c r="DK68" s="956"/>
      <c r="DL68" s="954"/>
      <c r="DM68" s="955"/>
      <c r="DN68" s="955"/>
      <c r="DO68" s="955"/>
      <c r="DP68" s="956"/>
      <c r="DQ68" s="954"/>
      <c r="DR68" s="955"/>
      <c r="DS68" s="955"/>
      <c r="DT68" s="955"/>
      <c r="DU68" s="956"/>
      <c r="DV68" s="951"/>
      <c r="DW68" s="952"/>
      <c r="DX68" s="952"/>
      <c r="DY68" s="952"/>
      <c r="DZ68" s="953"/>
      <c r="EA68" s="247"/>
    </row>
    <row r="69" spans="1:131" s="248" customFormat="1" ht="26.25" customHeight="1" x14ac:dyDescent="0.2">
      <c r="A69" s="262">
        <v>
2</v>
      </c>
      <c r="B69" s="967" t="s">
        <v>
570</v>
      </c>
      <c r="C69" s="968"/>
      <c r="D69" s="968"/>
      <c r="E69" s="968"/>
      <c r="F69" s="968"/>
      <c r="G69" s="968"/>
      <c r="H69" s="968"/>
      <c r="I69" s="968"/>
      <c r="J69" s="968"/>
      <c r="K69" s="968"/>
      <c r="L69" s="968"/>
      <c r="M69" s="968"/>
      <c r="N69" s="968"/>
      <c r="O69" s="968"/>
      <c r="P69" s="969"/>
      <c r="Q69" s="970">
        <v>
156337</v>
      </c>
      <c r="R69" s="920"/>
      <c r="S69" s="920"/>
      <c r="T69" s="920"/>
      <c r="U69" s="920"/>
      <c r="V69" s="920">
        <v>
148325</v>
      </c>
      <c r="W69" s="920"/>
      <c r="X69" s="920"/>
      <c r="Y69" s="920"/>
      <c r="Z69" s="920"/>
      <c r="AA69" s="920">
        <v>
8012</v>
      </c>
      <c r="AB69" s="920"/>
      <c r="AC69" s="920"/>
      <c r="AD69" s="920"/>
      <c r="AE69" s="920"/>
      <c r="AF69" s="920">
        <v>
36177</v>
      </c>
      <c r="AG69" s="920"/>
      <c r="AH69" s="920"/>
      <c r="AI69" s="920"/>
      <c r="AJ69" s="920"/>
      <c r="AK69" s="920" t="s">
        <v>
568</v>
      </c>
      <c r="AL69" s="920"/>
      <c r="AM69" s="920"/>
      <c r="AN69" s="920"/>
      <c r="AO69" s="920"/>
      <c r="AP69" s="920" t="s">
        <v>
568</v>
      </c>
      <c r="AQ69" s="920"/>
      <c r="AR69" s="920"/>
      <c r="AS69" s="920"/>
      <c r="AT69" s="920"/>
      <c r="AU69" s="920" t="s">
        <v>
568</v>
      </c>
      <c r="AV69" s="920"/>
      <c r="AW69" s="920"/>
      <c r="AX69" s="920"/>
      <c r="AY69" s="920"/>
      <c r="AZ69" s="971" t="s">
        <v>
574</v>
      </c>
      <c r="BA69" s="971"/>
      <c r="BB69" s="971"/>
      <c r="BC69" s="971"/>
      <c r="BD69" s="972"/>
      <c r="BE69" s="266"/>
      <c r="BF69" s="266"/>
      <c r="BG69" s="266"/>
      <c r="BH69" s="266"/>
      <c r="BI69" s="266"/>
      <c r="BJ69" s="266"/>
      <c r="BK69" s="266"/>
      <c r="BL69" s="266"/>
      <c r="BM69" s="266"/>
      <c r="BN69" s="266"/>
      <c r="BO69" s="266"/>
      <c r="BP69" s="266"/>
      <c r="BQ69" s="263">
        <v>
63</v>
      </c>
      <c r="BR69" s="268"/>
      <c r="BS69" s="957"/>
      <c r="BT69" s="958"/>
      <c r="BU69" s="958"/>
      <c r="BV69" s="958"/>
      <c r="BW69" s="958"/>
      <c r="BX69" s="958"/>
      <c r="BY69" s="958"/>
      <c r="BZ69" s="958"/>
      <c r="CA69" s="958"/>
      <c r="CB69" s="958"/>
      <c r="CC69" s="958"/>
      <c r="CD69" s="958"/>
      <c r="CE69" s="958"/>
      <c r="CF69" s="958"/>
      <c r="CG69" s="959"/>
      <c r="CH69" s="954"/>
      <c r="CI69" s="955"/>
      <c r="CJ69" s="955"/>
      <c r="CK69" s="955"/>
      <c r="CL69" s="956"/>
      <c r="CM69" s="954"/>
      <c r="CN69" s="955"/>
      <c r="CO69" s="955"/>
      <c r="CP69" s="955"/>
      <c r="CQ69" s="956"/>
      <c r="CR69" s="954"/>
      <c r="CS69" s="955"/>
      <c r="CT69" s="955"/>
      <c r="CU69" s="955"/>
      <c r="CV69" s="956"/>
      <c r="CW69" s="954"/>
      <c r="CX69" s="955"/>
      <c r="CY69" s="955"/>
      <c r="CZ69" s="955"/>
      <c r="DA69" s="956"/>
      <c r="DB69" s="954"/>
      <c r="DC69" s="955"/>
      <c r="DD69" s="955"/>
      <c r="DE69" s="955"/>
      <c r="DF69" s="956"/>
      <c r="DG69" s="954"/>
      <c r="DH69" s="955"/>
      <c r="DI69" s="955"/>
      <c r="DJ69" s="955"/>
      <c r="DK69" s="956"/>
      <c r="DL69" s="954"/>
      <c r="DM69" s="955"/>
      <c r="DN69" s="955"/>
      <c r="DO69" s="955"/>
      <c r="DP69" s="956"/>
      <c r="DQ69" s="954"/>
      <c r="DR69" s="955"/>
      <c r="DS69" s="955"/>
      <c r="DT69" s="955"/>
      <c r="DU69" s="956"/>
      <c r="DV69" s="951"/>
      <c r="DW69" s="952"/>
      <c r="DX69" s="952"/>
      <c r="DY69" s="952"/>
      <c r="DZ69" s="953"/>
      <c r="EA69" s="247"/>
    </row>
    <row r="70" spans="1:131" s="248" customFormat="1" ht="26.25" customHeight="1" x14ac:dyDescent="0.2">
      <c r="A70" s="262">
        <v>
3</v>
      </c>
      <c r="B70" s="967" t="s">
        <v>
571</v>
      </c>
      <c r="C70" s="968"/>
      <c r="D70" s="968"/>
      <c r="E70" s="968"/>
      <c r="F70" s="968"/>
      <c r="G70" s="968"/>
      <c r="H70" s="968"/>
      <c r="I70" s="968"/>
      <c r="J70" s="968"/>
      <c r="K70" s="968"/>
      <c r="L70" s="968"/>
      <c r="M70" s="968"/>
      <c r="N70" s="968"/>
      <c r="O70" s="968"/>
      <c r="P70" s="969"/>
      <c r="Q70" s="970">
        <v>
85568</v>
      </c>
      <c r="R70" s="920"/>
      <c r="S70" s="920"/>
      <c r="T70" s="920"/>
      <c r="U70" s="920"/>
      <c r="V70" s="920">
        <v>
81790</v>
      </c>
      <c r="W70" s="920"/>
      <c r="X70" s="920"/>
      <c r="Y70" s="920"/>
      <c r="Z70" s="920"/>
      <c r="AA70" s="920">
        <v>
3778</v>
      </c>
      <c r="AB70" s="920"/>
      <c r="AC70" s="920"/>
      <c r="AD70" s="920"/>
      <c r="AE70" s="920"/>
      <c r="AF70" s="920">
        <v>
3733</v>
      </c>
      <c r="AG70" s="920"/>
      <c r="AH70" s="920"/>
      <c r="AI70" s="920"/>
      <c r="AJ70" s="920"/>
      <c r="AK70" s="920">
        <v>
8772</v>
      </c>
      <c r="AL70" s="920"/>
      <c r="AM70" s="920"/>
      <c r="AN70" s="920"/>
      <c r="AO70" s="920"/>
      <c r="AP70" s="920">
        <v>
46122</v>
      </c>
      <c r="AQ70" s="920"/>
      <c r="AR70" s="920"/>
      <c r="AS70" s="920"/>
      <c r="AT70" s="920"/>
      <c r="AU70" s="920">
        <v>
1338</v>
      </c>
      <c r="AV70" s="920"/>
      <c r="AW70" s="920"/>
      <c r="AX70" s="920"/>
      <c r="AY70" s="920"/>
      <c r="AZ70" s="971"/>
      <c r="BA70" s="971"/>
      <c r="BB70" s="971"/>
      <c r="BC70" s="971"/>
      <c r="BD70" s="972"/>
      <c r="BE70" s="266"/>
      <c r="BF70" s="266"/>
      <c r="BG70" s="266"/>
      <c r="BH70" s="266"/>
      <c r="BI70" s="266"/>
      <c r="BJ70" s="266"/>
      <c r="BK70" s="266"/>
      <c r="BL70" s="266"/>
      <c r="BM70" s="266"/>
      <c r="BN70" s="266"/>
      <c r="BO70" s="266"/>
      <c r="BP70" s="266"/>
      <c r="BQ70" s="263">
        <v>
64</v>
      </c>
      <c r="BR70" s="268"/>
      <c r="BS70" s="957"/>
      <c r="BT70" s="958"/>
      <c r="BU70" s="958"/>
      <c r="BV70" s="958"/>
      <c r="BW70" s="958"/>
      <c r="BX70" s="958"/>
      <c r="BY70" s="958"/>
      <c r="BZ70" s="958"/>
      <c r="CA70" s="958"/>
      <c r="CB70" s="958"/>
      <c r="CC70" s="958"/>
      <c r="CD70" s="958"/>
      <c r="CE70" s="958"/>
      <c r="CF70" s="958"/>
      <c r="CG70" s="959"/>
      <c r="CH70" s="954"/>
      <c r="CI70" s="955"/>
      <c r="CJ70" s="955"/>
      <c r="CK70" s="955"/>
      <c r="CL70" s="956"/>
      <c r="CM70" s="954"/>
      <c r="CN70" s="955"/>
      <c r="CO70" s="955"/>
      <c r="CP70" s="955"/>
      <c r="CQ70" s="956"/>
      <c r="CR70" s="954"/>
      <c r="CS70" s="955"/>
      <c r="CT70" s="955"/>
      <c r="CU70" s="955"/>
      <c r="CV70" s="956"/>
      <c r="CW70" s="954"/>
      <c r="CX70" s="955"/>
      <c r="CY70" s="955"/>
      <c r="CZ70" s="955"/>
      <c r="DA70" s="956"/>
      <c r="DB70" s="954"/>
      <c r="DC70" s="955"/>
      <c r="DD70" s="955"/>
      <c r="DE70" s="955"/>
      <c r="DF70" s="956"/>
      <c r="DG70" s="954"/>
      <c r="DH70" s="955"/>
      <c r="DI70" s="955"/>
      <c r="DJ70" s="955"/>
      <c r="DK70" s="956"/>
      <c r="DL70" s="954"/>
      <c r="DM70" s="955"/>
      <c r="DN70" s="955"/>
      <c r="DO70" s="955"/>
      <c r="DP70" s="956"/>
      <c r="DQ70" s="954"/>
      <c r="DR70" s="955"/>
      <c r="DS70" s="955"/>
      <c r="DT70" s="955"/>
      <c r="DU70" s="956"/>
      <c r="DV70" s="951"/>
      <c r="DW70" s="952"/>
      <c r="DX70" s="952"/>
      <c r="DY70" s="952"/>
      <c r="DZ70" s="953"/>
      <c r="EA70" s="247"/>
    </row>
    <row r="71" spans="1:131" s="248" customFormat="1" ht="26.25" customHeight="1" x14ac:dyDescent="0.2">
      <c r="A71" s="262">
        <v>
4</v>
      </c>
      <c r="B71" s="967" t="s">
        <v>
572</v>
      </c>
      <c r="C71" s="968"/>
      <c r="D71" s="968"/>
      <c r="E71" s="968"/>
      <c r="F71" s="968"/>
      <c r="G71" s="968"/>
      <c r="H71" s="968"/>
      <c r="I71" s="968"/>
      <c r="J71" s="968"/>
      <c r="K71" s="968"/>
      <c r="L71" s="968"/>
      <c r="M71" s="968"/>
      <c r="N71" s="968"/>
      <c r="O71" s="968"/>
      <c r="P71" s="969"/>
      <c r="Q71" s="970">
        <v>
6529</v>
      </c>
      <c r="R71" s="920"/>
      <c r="S71" s="920"/>
      <c r="T71" s="920"/>
      <c r="U71" s="920"/>
      <c r="V71" s="920">
        <v>
6443</v>
      </c>
      <c r="W71" s="920"/>
      <c r="X71" s="920"/>
      <c r="Y71" s="920"/>
      <c r="Z71" s="920"/>
      <c r="AA71" s="920">
        <v>
86</v>
      </c>
      <c r="AB71" s="920"/>
      <c r="AC71" s="920"/>
      <c r="AD71" s="920"/>
      <c r="AE71" s="920"/>
      <c r="AF71" s="920">
        <v>
86</v>
      </c>
      <c r="AG71" s="920"/>
      <c r="AH71" s="920"/>
      <c r="AI71" s="920"/>
      <c r="AJ71" s="920"/>
      <c r="AK71" s="920">
        <v>
1926</v>
      </c>
      <c r="AL71" s="920"/>
      <c r="AM71" s="920"/>
      <c r="AN71" s="920"/>
      <c r="AO71" s="920"/>
      <c r="AP71" s="920" t="s">
        <v>
510</v>
      </c>
      <c r="AQ71" s="920"/>
      <c r="AR71" s="920"/>
      <c r="AS71" s="920"/>
      <c r="AT71" s="920"/>
      <c r="AU71" s="920" t="s">
        <v>
510</v>
      </c>
      <c r="AV71" s="920"/>
      <c r="AW71" s="920"/>
      <c r="AX71" s="920"/>
      <c r="AY71" s="920"/>
      <c r="AZ71" s="971"/>
      <c r="BA71" s="971"/>
      <c r="BB71" s="971"/>
      <c r="BC71" s="971"/>
      <c r="BD71" s="972"/>
      <c r="BE71" s="266"/>
      <c r="BF71" s="266"/>
      <c r="BG71" s="266"/>
      <c r="BH71" s="266"/>
      <c r="BI71" s="266"/>
      <c r="BJ71" s="266"/>
      <c r="BK71" s="266"/>
      <c r="BL71" s="266"/>
      <c r="BM71" s="266"/>
      <c r="BN71" s="266"/>
      <c r="BO71" s="266"/>
      <c r="BP71" s="266"/>
      <c r="BQ71" s="263">
        <v>
65</v>
      </c>
      <c r="BR71" s="268"/>
      <c r="BS71" s="957"/>
      <c r="BT71" s="958"/>
      <c r="BU71" s="958"/>
      <c r="BV71" s="958"/>
      <c r="BW71" s="958"/>
      <c r="BX71" s="958"/>
      <c r="BY71" s="958"/>
      <c r="BZ71" s="958"/>
      <c r="CA71" s="958"/>
      <c r="CB71" s="958"/>
      <c r="CC71" s="958"/>
      <c r="CD71" s="958"/>
      <c r="CE71" s="958"/>
      <c r="CF71" s="958"/>
      <c r="CG71" s="959"/>
      <c r="CH71" s="954"/>
      <c r="CI71" s="955"/>
      <c r="CJ71" s="955"/>
      <c r="CK71" s="955"/>
      <c r="CL71" s="956"/>
      <c r="CM71" s="954"/>
      <c r="CN71" s="955"/>
      <c r="CO71" s="955"/>
      <c r="CP71" s="955"/>
      <c r="CQ71" s="956"/>
      <c r="CR71" s="954"/>
      <c r="CS71" s="955"/>
      <c r="CT71" s="955"/>
      <c r="CU71" s="955"/>
      <c r="CV71" s="956"/>
      <c r="CW71" s="954"/>
      <c r="CX71" s="955"/>
      <c r="CY71" s="955"/>
      <c r="CZ71" s="955"/>
      <c r="DA71" s="956"/>
      <c r="DB71" s="954"/>
      <c r="DC71" s="955"/>
      <c r="DD71" s="955"/>
      <c r="DE71" s="955"/>
      <c r="DF71" s="956"/>
      <c r="DG71" s="954"/>
      <c r="DH71" s="955"/>
      <c r="DI71" s="955"/>
      <c r="DJ71" s="955"/>
      <c r="DK71" s="956"/>
      <c r="DL71" s="954"/>
      <c r="DM71" s="955"/>
      <c r="DN71" s="955"/>
      <c r="DO71" s="955"/>
      <c r="DP71" s="956"/>
      <c r="DQ71" s="954"/>
      <c r="DR71" s="955"/>
      <c r="DS71" s="955"/>
      <c r="DT71" s="955"/>
      <c r="DU71" s="956"/>
      <c r="DV71" s="951"/>
      <c r="DW71" s="952"/>
      <c r="DX71" s="952"/>
      <c r="DY71" s="952"/>
      <c r="DZ71" s="953"/>
      <c r="EA71" s="247"/>
    </row>
    <row r="72" spans="1:131" s="248" customFormat="1" ht="26.25" customHeight="1" x14ac:dyDescent="0.2">
      <c r="A72" s="262">
        <v>
5</v>
      </c>
      <c r="B72" s="967" t="s">
        <v>
573</v>
      </c>
      <c r="C72" s="968"/>
      <c r="D72" s="968"/>
      <c r="E72" s="968"/>
      <c r="F72" s="968"/>
      <c r="G72" s="968"/>
      <c r="H72" s="968"/>
      <c r="I72" s="968"/>
      <c r="J72" s="968"/>
      <c r="K72" s="968"/>
      <c r="L72" s="968"/>
      <c r="M72" s="968"/>
      <c r="N72" s="968"/>
      <c r="O72" s="968"/>
      <c r="P72" s="969"/>
      <c r="Q72" s="970">
        <v>
1444184</v>
      </c>
      <c r="R72" s="920"/>
      <c r="S72" s="920"/>
      <c r="T72" s="920"/>
      <c r="U72" s="920"/>
      <c r="V72" s="920">
        <v>
1404896</v>
      </c>
      <c r="W72" s="920"/>
      <c r="X72" s="920"/>
      <c r="Y72" s="920"/>
      <c r="Z72" s="920"/>
      <c r="AA72" s="920">
        <v>
39288</v>
      </c>
      <c r="AB72" s="920"/>
      <c r="AC72" s="920"/>
      <c r="AD72" s="920"/>
      <c r="AE72" s="920"/>
      <c r="AF72" s="920">
        <v>
39288</v>
      </c>
      <c r="AG72" s="920"/>
      <c r="AH72" s="920"/>
      <c r="AI72" s="920"/>
      <c r="AJ72" s="920"/>
      <c r="AK72" s="920">
        <v>
16623</v>
      </c>
      <c r="AL72" s="920"/>
      <c r="AM72" s="920"/>
      <c r="AN72" s="920"/>
      <c r="AO72" s="920"/>
      <c r="AP72" s="920" t="s">
        <v>
510</v>
      </c>
      <c r="AQ72" s="920"/>
      <c r="AR72" s="920"/>
      <c r="AS72" s="920"/>
      <c r="AT72" s="920"/>
      <c r="AU72" s="920" t="s">
        <v>
510</v>
      </c>
      <c r="AV72" s="920"/>
      <c r="AW72" s="920"/>
      <c r="AX72" s="920"/>
      <c r="AY72" s="920"/>
      <c r="AZ72" s="971"/>
      <c r="BA72" s="971"/>
      <c r="BB72" s="971"/>
      <c r="BC72" s="971"/>
      <c r="BD72" s="972"/>
      <c r="BE72" s="266"/>
      <c r="BF72" s="266"/>
      <c r="BG72" s="266"/>
      <c r="BH72" s="266"/>
      <c r="BI72" s="266"/>
      <c r="BJ72" s="266"/>
      <c r="BK72" s="266"/>
      <c r="BL72" s="266"/>
      <c r="BM72" s="266"/>
      <c r="BN72" s="266"/>
      <c r="BO72" s="266"/>
      <c r="BP72" s="266"/>
      <c r="BQ72" s="263">
        <v>
66</v>
      </c>
      <c r="BR72" s="268"/>
      <c r="BS72" s="957"/>
      <c r="BT72" s="958"/>
      <c r="BU72" s="958"/>
      <c r="BV72" s="958"/>
      <c r="BW72" s="958"/>
      <c r="BX72" s="958"/>
      <c r="BY72" s="958"/>
      <c r="BZ72" s="958"/>
      <c r="CA72" s="958"/>
      <c r="CB72" s="958"/>
      <c r="CC72" s="958"/>
      <c r="CD72" s="958"/>
      <c r="CE72" s="958"/>
      <c r="CF72" s="958"/>
      <c r="CG72" s="959"/>
      <c r="CH72" s="954"/>
      <c r="CI72" s="955"/>
      <c r="CJ72" s="955"/>
      <c r="CK72" s="955"/>
      <c r="CL72" s="956"/>
      <c r="CM72" s="954"/>
      <c r="CN72" s="955"/>
      <c r="CO72" s="955"/>
      <c r="CP72" s="955"/>
      <c r="CQ72" s="956"/>
      <c r="CR72" s="954"/>
      <c r="CS72" s="955"/>
      <c r="CT72" s="955"/>
      <c r="CU72" s="955"/>
      <c r="CV72" s="956"/>
      <c r="CW72" s="954"/>
      <c r="CX72" s="955"/>
      <c r="CY72" s="955"/>
      <c r="CZ72" s="955"/>
      <c r="DA72" s="956"/>
      <c r="DB72" s="954"/>
      <c r="DC72" s="955"/>
      <c r="DD72" s="955"/>
      <c r="DE72" s="955"/>
      <c r="DF72" s="956"/>
      <c r="DG72" s="954"/>
      <c r="DH72" s="955"/>
      <c r="DI72" s="955"/>
      <c r="DJ72" s="955"/>
      <c r="DK72" s="956"/>
      <c r="DL72" s="954"/>
      <c r="DM72" s="955"/>
      <c r="DN72" s="955"/>
      <c r="DO72" s="955"/>
      <c r="DP72" s="956"/>
      <c r="DQ72" s="954"/>
      <c r="DR72" s="955"/>
      <c r="DS72" s="955"/>
      <c r="DT72" s="955"/>
      <c r="DU72" s="956"/>
      <c r="DV72" s="951"/>
      <c r="DW72" s="952"/>
      <c r="DX72" s="952"/>
      <c r="DY72" s="952"/>
      <c r="DZ72" s="953"/>
      <c r="EA72" s="247"/>
    </row>
    <row r="73" spans="1:131" s="248" customFormat="1" ht="26.25" customHeight="1" x14ac:dyDescent="0.2">
      <c r="A73" s="262">
        <v>
6</v>
      </c>
      <c r="B73" s="967"/>
      <c r="C73" s="968"/>
      <c r="D73" s="968"/>
      <c r="E73" s="968"/>
      <c r="F73" s="968"/>
      <c r="G73" s="968"/>
      <c r="H73" s="968"/>
      <c r="I73" s="968"/>
      <c r="J73" s="968"/>
      <c r="K73" s="968"/>
      <c r="L73" s="968"/>
      <c r="M73" s="968"/>
      <c r="N73" s="968"/>
      <c r="O73" s="968"/>
      <c r="P73" s="969"/>
      <c r="Q73" s="970"/>
      <c r="R73" s="920"/>
      <c r="S73" s="920"/>
      <c r="T73" s="920"/>
      <c r="U73" s="920"/>
      <c r="V73" s="920"/>
      <c r="W73" s="920"/>
      <c r="X73" s="920"/>
      <c r="Y73" s="920"/>
      <c r="Z73" s="920"/>
      <c r="AA73" s="920"/>
      <c r="AB73" s="920"/>
      <c r="AC73" s="920"/>
      <c r="AD73" s="920"/>
      <c r="AE73" s="920"/>
      <c r="AF73" s="920"/>
      <c r="AG73" s="920"/>
      <c r="AH73" s="920"/>
      <c r="AI73" s="920"/>
      <c r="AJ73" s="920"/>
      <c r="AK73" s="920"/>
      <c r="AL73" s="920"/>
      <c r="AM73" s="920"/>
      <c r="AN73" s="920"/>
      <c r="AO73" s="920"/>
      <c r="AP73" s="920"/>
      <c r="AQ73" s="920"/>
      <c r="AR73" s="920"/>
      <c r="AS73" s="920"/>
      <c r="AT73" s="920"/>
      <c r="AU73" s="920"/>
      <c r="AV73" s="920"/>
      <c r="AW73" s="920"/>
      <c r="AX73" s="920"/>
      <c r="AY73" s="920"/>
      <c r="AZ73" s="971"/>
      <c r="BA73" s="971"/>
      <c r="BB73" s="971"/>
      <c r="BC73" s="971"/>
      <c r="BD73" s="972"/>
      <c r="BE73" s="266"/>
      <c r="BF73" s="266"/>
      <c r="BG73" s="266"/>
      <c r="BH73" s="266"/>
      <c r="BI73" s="266"/>
      <c r="BJ73" s="266"/>
      <c r="BK73" s="266"/>
      <c r="BL73" s="266"/>
      <c r="BM73" s="266"/>
      <c r="BN73" s="266"/>
      <c r="BO73" s="266"/>
      <c r="BP73" s="266"/>
      <c r="BQ73" s="263">
        <v>
67</v>
      </c>
      <c r="BR73" s="268"/>
      <c r="BS73" s="957"/>
      <c r="BT73" s="958"/>
      <c r="BU73" s="958"/>
      <c r="BV73" s="958"/>
      <c r="BW73" s="958"/>
      <c r="BX73" s="958"/>
      <c r="BY73" s="958"/>
      <c r="BZ73" s="958"/>
      <c r="CA73" s="958"/>
      <c r="CB73" s="958"/>
      <c r="CC73" s="958"/>
      <c r="CD73" s="958"/>
      <c r="CE73" s="958"/>
      <c r="CF73" s="958"/>
      <c r="CG73" s="959"/>
      <c r="CH73" s="954"/>
      <c r="CI73" s="955"/>
      <c r="CJ73" s="955"/>
      <c r="CK73" s="955"/>
      <c r="CL73" s="956"/>
      <c r="CM73" s="954"/>
      <c r="CN73" s="955"/>
      <c r="CO73" s="955"/>
      <c r="CP73" s="955"/>
      <c r="CQ73" s="956"/>
      <c r="CR73" s="954"/>
      <c r="CS73" s="955"/>
      <c r="CT73" s="955"/>
      <c r="CU73" s="955"/>
      <c r="CV73" s="956"/>
      <c r="CW73" s="954"/>
      <c r="CX73" s="955"/>
      <c r="CY73" s="955"/>
      <c r="CZ73" s="955"/>
      <c r="DA73" s="956"/>
      <c r="DB73" s="954"/>
      <c r="DC73" s="955"/>
      <c r="DD73" s="955"/>
      <c r="DE73" s="955"/>
      <c r="DF73" s="956"/>
      <c r="DG73" s="954"/>
      <c r="DH73" s="955"/>
      <c r="DI73" s="955"/>
      <c r="DJ73" s="955"/>
      <c r="DK73" s="956"/>
      <c r="DL73" s="954"/>
      <c r="DM73" s="955"/>
      <c r="DN73" s="955"/>
      <c r="DO73" s="955"/>
      <c r="DP73" s="956"/>
      <c r="DQ73" s="954"/>
      <c r="DR73" s="955"/>
      <c r="DS73" s="955"/>
      <c r="DT73" s="955"/>
      <c r="DU73" s="956"/>
      <c r="DV73" s="951"/>
      <c r="DW73" s="952"/>
      <c r="DX73" s="952"/>
      <c r="DY73" s="952"/>
      <c r="DZ73" s="953"/>
      <c r="EA73" s="247"/>
    </row>
    <row r="74" spans="1:131" s="248" customFormat="1" ht="26.25" customHeight="1" x14ac:dyDescent="0.2">
      <c r="A74" s="262">
        <v>
7</v>
      </c>
      <c r="B74" s="967"/>
      <c r="C74" s="968"/>
      <c r="D74" s="968"/>
      <c r="E74" s="968"/>
      <c r="F74" s="968"/>
      <c r="G74" s="968"/>
      <c r="H74" s="968"/>
      <c r="I74" s="968"/>
      <c r="J74" s="968"/>
      <c r="K74" s="968"/>
      <c r="L74" s="968"/>
      <c r="M74" s="968"/>
      <c r="N74" s="968"/>
      <c r="O74" s="968"/>
      <c r="P74" s="969"/>
      <c r="Q74" s="970"/>
      <c r="R74" s="920"/>
      <c r="S74" s="920"/>
      <c r="T74" s="920"/>
      <c r="U74" s="920"/>
      <c r="V74" s="920"/>
      <c r="W74" s="920"/>
      <c r="X74" s="920"/>
      <c r="Y74" s="920"/>
      <c r="Z74" s="920"/>
      <c r="AA74" s="920"/>
      <c r="AB74" s="920"/>
      <c r="AC74" s="920"/>
      <c r="AD74" s="920"/>
      <c r="AE74" s="920"/>
      <c r="AF74" s="920"/>
      <c r="AG74" s="920"/>
      <c r="AH74" s="920"/>
      <c r="AI74" s="920"/>
      <c r="AJ74" s="920"/>
      <c r="AK74" s="920"/>
      <c r="AL74" s="920"/>
      <c r="AM74" s="920"/>
      <c r="AN74" s="920"/>
      <c r="AO74" s="920"/>
      <c r="AP74" s="920"/>
      <c r="AQ74" s="920"/>
      <c r="AR74" s="920"/>
      <c r="AS74" s="920"/>
      <c r="AT74" s="920"/>
      <c r="AU74" s="920"/>
      <c r="AV74" s="920"/>
      <c r="AW74" s="920"/>
      <c r="AX74" s="920"/>
      <c r="AY74" s="920"/>
      <c r="AZ74" s="971"/>
      <c r="BA74" s="971"/>
      <c r="BB74" s="971"/>
      <c r="BC74" s="971"/>
      <c r="BD74" s="972"/>
      <c r="BE74" s="266"/>
      <c r="BF74" s="266"/>
      <c r="BG74" s="266"/>
      <c r="BH74" s="266"/>
      <c r="BI74" s="266"/>
      <c r="BJ74" s="266"/>
      <c r="BK74" s="266"/>
      <c r="BL74" s="266"/>
      <c r="BM74" s="266"/>
      <c r="BN74" s="266"/>
      <c r="BO74" s="266"/>
      <c r="BP74" s="266"/>
      <c r="BQ74" s="263">
        <v>
68</v>
      </c>
      <c r="BR74" s="268"/>
      <c r="BS74" s="957"/>
      <c r="BT74" s="958"/>
      <c r="BU74" s="958"/>
      <c r="BV74" s="958"/>
      <c r="BW74" s="958"/>
      <c r="BX74" s="958"/>
      <c r="BY74" s="958"/>
      <c r="BZ74" s="958"/>
      <c r="CA74" s="958"/>
      <c r="CB74" s="958"/>
      <c r="CC74" s="958"/>
      <c r="CD74" s="958"/>
      <c r="CE74" s="958"/>
      <c r="CF74" s="958"/>
      <c r="CG74" s="959"/>
      <c r="CH74" s="954"/>
      <c r="CI74" s="955"/>
      <c r="CJ74" s="955"/>
      <c r="CK74" s="955"/>
      <c r="CL74" s="956"/>
      <c r="CM74" s="954"/>
      <c r="CN74" s="955"/>
      <c r="CO74" s="955"/>
      <c r="CP74" s="955"/>
      <c r="CQ74" s="956"/>
      <c r="CR74" s="954"/>
      <c r="CS74" s="955"/>
      <c r="CT74" s="955"/>
      <c r="CU74" s="955"/>
      <c r="CV74" s="956"/>
      <c r="CW74" s="954"/>
      <c r="CX74" s="955"/>
      <c r="CY74" s="955"/>
      <c r="CZ74" s="955"/>
      <c r="DA74" s="956"/>
      <c r="DB74" s="954"/>
      <c r="DC74" s="955"/>
      <c r="DD74" s="955"/>
      <c r="DE74" s="955"/>
      <c r="DF74" s="956"/>
      <c r="DG74" s="954"/>
      <c r="DH74" s="955"/>
      <c r="DI74" s="955"/>
      <c r="DJ74" s="955"/>
      <c r="DK74" s="956"/>
      <c r="DL74" s="954"/>
      <c r="DM74" s="955"/>
      <c r="DN74" s="955"/>
      <c r="DO74" s="955"/>
      <c r="DP74" s="956"/>
      <c r="DQ74" s="954"/>
      <c r="DR74" s="955"/>
      <c r="DS74" s="955"/>
      <c r="DT74" s="955"/>
      <c r="DU74" s="956"/>
      <c r="DV74" s="951"/>
      <c r="DW74" s="952"/>
      <c r="DX74" s="952"/>
      <c r="DY74" s="952"/>
      <c r="DZ74" s="953"/>
      <c r="EA74" s="247"/>
    </row>
    <row r="75" spans="1:131" s="248" customFormat="1" ht="26.25" customHeight="1" x14ac:dyDescent="0.2">
      <c r="A75" s="262">
        <v>
8</v>
      </c>
      <c r="B75" s="967"/>
      <c r="C75" s="968"/>
      <c r="D75" s="968"/>
      <c r="E75" s="968"/>
      <c r="F75" s="968"/>
      <c r="G75" s="968"/>
      <c r="H75" s="968"/>
      <c r="I75" s="968"/>
      <c r="J75" s="968"/>
      <c r="K75" s="968"/>
      <c r="L75" s="968"/>
      <c r="M75" s="968"/>
      <c r="N75" s="968"/>
      <c r="O75" s="968"/>
      <c r="P75" s="969"/>
      <c r="Q75" s="973"/>
      <c r="R75" s="922"/>
      <c r="S75" s="922"/>
      <c r="T75" s="922"/>
      <c r="U75" s="919"/>
      <c r="V75" s="921"/>
      <c r="W75" s="922"/>
      <c r="X75" s="922"/>
      <c r="Y75" s="922"/>
      <c r="Z75" s="919"/>
      <c r="AA75" s="921"/>
      <c r="AB75" s="922"/>
      <c r="AC75" s="922"/>
      <c r="AD75" s="922"/>
      <c r="AE75" s="919"/>
      <c r="AF75" s="921"/>
      <c r="AG75" s="922"/>
      <c r="AH75" s="922"/>
      <c r="AI75" s="922"/>
      <c r="AJ75" s="919"/>
      <c r="AK75" s="921"/>
      <c r="AL75" s="922"/>
      <c r="AM75" s="922"/>
      <c r="AN75" s="922"/>
      <c r="AO75" s="919"/>
      <c r="AP75" s="921"/>
      <c r="AQ75" s="922"/>
      <c r="AR75" s="922"/>
      <c r="AS75" s="922"/>
      <c r="AT75" s="919"/>
      <c r="AU75" s="921"/>
      <c r="AV75" s="922"/>
      <c r="AW75" s="922"/>
      <c r="AX75" s="922"/>
      <c r="AY75" s="919"/>
      <c r="AZ75" s="971"/>
      <c r="BA75" s="971"/>
      <c r="BB75" s="971"/>
      <c r="BC75" s="971"/>
      <c r="BD75" s="972"/>
      <c r="BE75" s="266"/>
      <c r="BF75" s="266"/>
      <c r="BG75" s="266"/>
      <c r="BH75" s="266"/>
      <c r="BI75" s="266"/>
      <c r="BJ75" s="266"/>
      <c r="BK75" s="266"/>
      <c r="BL75" s="266"/>
      <c r="BM75" s="266"/>
      <c r="BN75" s="266"/>
      <c r="BO75" s="266"/>
      <c r="BP75" s="266"/>
      <c r="BQ75" s="263">
        <v>
69</v>
      </c>
      <c r="BR75" s="268"/>
      <c r="BS75" s="957"/>
      <c r="BT75" s="958"/>
      <c r="BU75" s="958"/>
      <c r="BV75" s="958"/>
      <c r="BW75" s="958"/>
      <c r="BX75" s="958"/>
      <c r="BY75" s="958"/>
      <c r="BZ75" s="958"/>
      <c r="CA75" s="958"/>
      <c r="CB75" s="958"/>
      <c r="CC75" s="958"/>
      <c r="CD75" s="958"/>
      <c r="CE75" s="958"/>
      <c r="CF75" s="958"/>
      <c r="CG75" s="959"/>
      <c r="CH75" s="954"/>
      <c r="CI75" s="955"/>
      <c r="CJ75" s="955"/>
      <c r="CK75" s="955"/>
      <c r="CL75" s="956"/>
      <c r="CM75" s="954"/>
      <c r="CN75" s="955"/>
      <c r="CO75" s="955"/>
      <c r="CP75" s="955"/>
      <c r="CQ75" s="956"/>
      <c r="CR75" s="954"/>
      <c r="CS75" s="955"/>
      <c r="CT75" s="955"/>
      <c r="CU75" s="955"/>
      <c r="CV75" s="956"/>
      <c r="CW75" s="954"/>
      <c r="CX75" s="955"/>
      <c r="CY75" s="955"/>
      <c r="CZ75" s="955"/>
      <c r="DA75" s="956"/>
      <c r="DB75" s="954"/>
      <c r="DC75" s="955"/>
      <c r="DD75" s="955"/>
      <c r="DE75" s="955"/>
      <c r="DF75" s="956"/>
      <c r="DG75" s="954"/>
      <c r="DH75" s="955"/>
      <c r="DI75" s="955"/>
      <c r="DJ75" s="955"/>
      <c r="DK75" s="956"/>
      <c r="DL75" s="954"/>
      <c r="DM75" s="955"/>
      <c r="DN75" s="955"/>
      <c r="DO75" s="955"/>
      <c r="DP75" s="956"/>
      <c r="DQ75" s="954"/>
      <c r="DR75" s="955"/>
      <c r="DS75" s="955"/>
      <c r="DT75" s="955"/>
      <c r="DU75" s="956"/>
      <c r="DV75" s="951"/>
      <c r="DW75" s="952"/>
      <c r="DX75" s="952"/>
      <c r="DY75" s="952"/>
      <c r="DZ75" s="953"/>
      <c r="EA75" s="247"/>
    </row>
    <row r="76" spans="1:131" s="248" customFormat="1" ht="26.25" customHeight="1" x14ac:dyDescent="0.2">
      <c r="A76" s="262">
        <v>
9</v>
      </c>
      <c r="B76" s="967"/>
      <c r="C76" s="968"/>
      <c r="D76" s="968"/>
      <c r="E76" s="968"/>
      <c r="F76" s="968"/>
      <c r="G76" s="968"/>
      <c r="H76" s="968"/>
      <c r="I76" s="968"/>
      <c r="J76" s="968"/>
      <c r="K76" s="968"/>
      <c r="L76" s="968"/>
      <c r="M76" s="968"/>
      <c r="N76" s="968"/>
      <c r="O76" s="968"/>
      <c r="P76" s="969"/>
      <c r="Q76" s="973"/>
      <c r="R76" s="922"/>
      <c r="S76" s="922"/>
      <c r="T76" s="922"/>
      <c r="U76" s="919"/>
      <c r="V76" s="921"/>
      <c r="W76" s="922"/>
      <c r="X76" s="922"/>
      <c r="Y76" s="922"/>
      <c r="Z76" s="919"/>
      <c r="AA76" s="921"/>
      <c r="AB76" s="922"/>
      <c r="AC76" s="922"/>
      <c r="AD76" s="922"/>
      <c r="AE76" s="919"/>
      <c r="AF76" s="921"/>
      <c r="AG76" s="922"/>
      <c r="AH76" s="922"/>
      <c r="AI76" s="922"/>
      <c r="AJ76" s="919"/>
      <c r="AK76" s="921"/>
      <c r="AL76" s="922"/>
      <c r="AM76" s="922"/>
      <c r="AN76" s="922"/>
      <c r="AO76" s="919"/>
      <c r="AP76" s="921"/>
      <c r="AQ76" s="922"/>
      <c r="AR76" s="922"/>
      <c r="AS76" s="922"/>
      <c r="AT76" s="919"/>
      <c r="AU76" s="921"/>
      <c r="AV76" s="922"/>
      <c r="AW76" s="922"/>
      <c r="AX76" s="922"/>
      <c r="AY76" s="919"/>
      <c r="AZ76" s="971"/>
      <c r="BA76" s="971"/>
      <c r="BB76" s="971"/>
      <c r="BC76" s="971"/>
      <c r="BD76" s="972"/>
      <c r="BE76" s="266"/>
      <c r="BF76" s="266"/>
      <c r="BG76" s="266"/>
      <c r="BH76" s="266"/>
      <c r="BI76" s="266"/>
      <c r="BJ76" s="266"/>
      <c r="BK76" s="266"/>
      <c r="BL76" s="266"/>
      <c r="BM76" s="266"/>
      <c r="BN76" s="266"/>
      <c r="BO76" s="266"/>
      <c r="BP76" s="266"/>
      <c r="BQ76" s="263">
        <v>
70</v>
      </c>
      <c r="BR76" s="268"/>
      <c r="BS76" s="957"/>
      <c r="BT76" s="958"/>
      <c r="BU76" s="958"/>
      <c r="BV76" s="958"/>
      <c r="BW76" s="958"/>
      <c r="BX76" s="958"/>
      <c r="BY76" s="958"/>
      <c r="BZ76" s="958"/>
      <c r="CA76" s="958"/>
      <c r="CB76" s="958"/>
      <c r="CC76" s="958"/>
      <c r="CD76" s="958"/>
      <c r="CE76" s="958"/>
      <c r="CF76" s="958"/>
      <c r="CG76" s="959"/>
      <c r="CH76" s="954"/>
      <c r="CI76" s="955"/>
      <c r="CJ76" s="955"/>
      <c r="CK76" s="955"/>
      <c r="CL76" s="956"/>
      <c r="CM76" s="954"/>
      <c r="CN76" s="955"/>
      <c r="CO76" s="955"/>
      <c r="CP76" s="955"/>
      <c r="CQ76" s="956"/>
      <c r="CR76" s="954"/>
      <c r="CS76" s="955"/>
      <c r="CT76" s="955"/>
      <c r="CU76" s="955"/>
      <c r="CV76" s="956"/>
      <c r="CW76" s="954"/>
      <c r="CX76" s="955"/>
      <c r="CY76" s="955"/>
      <c r="CZ76" s="955"/>
      <c r="DA76" s="956"/>
      <c r="DB76" s="954"/>
      <c r="DC76" s="955"/>
      <c r="DD76" s="955"/>
      <c r="DE76" s="955"/>
      <c r="DF76" s="956"/>
      <c r="DG76" s="954"/>
      <c r="DH76" s="955"/>
      <c r="DI76" s="955"/>
      <c r="DJ76" s="955"/>
      <c r="DK76" s="956"/>
      <c r="DL76" s="954"/>
      <c r="DM76" s="955"/>
      <c r="DN76" s="955"/>
      <c r="DO76" s="955"/>
      <c r="DP76" s="956"/>
      <c r="DQ76" s="954"/>
      <c r="DR76" s="955"/>
      <c r="DS76" s="955"/>
      <c r="DT76" s="955"/>
      <c r="DU76" s="956"/>
      <c r="DV76" s="951"/>
      <c r="DW76" s="952"/>
      <c r="DX76" s="952"/>
      <c r="DY76" s="952"/>
      <c r="DZ76" s="953"/>
      <c r="EA76" s="247"/>
    </row>
    <row r="77" spans="1:131" s="248" customFormat="1" ht="26.25" customHeight="1" x14ac:dyDescent="0.2">
      <c r="A77" s="262">
        <v>
10</v>
      </c>
      <c r="B77" s="967"/>
      <c r="C77" s="968"/>
      <c r="D77" s="968"/>
      <c r="E77" s="968"/>
      <c r="F77" s="968"/>
      <c r="G77" s="968"/>
      <c r="H77" s="968"/>
      <c r="I77" s="968"/>
      <c r="J77" s="968"/>
      <c r="K77" s="968"/>
      <c r="L77" s="968"/>
      <c r="M77" s="968"/>
      <c r="N77" s="968"/>
      <c r="O77" s="968"/>
      <c r="P77" s="969"/>
      <c r="Q77" s="973"/>
      <c r="R77" s="922"/>
      <c r="S77" s="922"/>
      <c r="T77" s="922"/>
      <c r="U77" s="919"/>
      <c r="V77" s="921"/>
      <c r="W77" s="922"/>
      <c r="X77" s="922"/>
      <c r="Y77" s="922"/>
      <c r="Z77" s="919"/>
      <c r="AA77" s="921"/>
      <c r="AB77" s="922"/>
      <c r="AC77" s="922"/>
      <c r="AD77" s="922"/>
      <c r="AE77" s="919"/>
      <c r="AF77" s="921"/>
      <c r="AG77" s="922"/>
      <c r="AH77" s="922"/>
      <c r="AI77" s="922"/>
      <c r="AJ77" s="919"/>
      <c r="AK77" s="921"/>
      <c r="AL77" s="922"/>
      <c r="AM77" s="922"/>
      <c r="AN77" s="922"/>
      <c r="AO77" s="919"/>
      <c r="AP77" s="921"/>
      <c r="AQ77" s="922"/>
      <c r="AR77" s="922"/>
      <c r="AS77" s="922"/>
      <c r="AT77" s="919"/>
      <c r="AU77" s="921"/>
      <c r="AV77" s="922"/>
      <c r="AW77" s="922"/>
      <c r="AX77" s="922"/>
      <c r="AY77" s="919"/>
      <c r="AZ77" s="971"/>
      <c r="BA77" s="971"/>
      <c r="BB77" s="971"/>
      <c r="BC77" s="971"/>
      <c r="BD77" s="972"/>
      <c r="BE77" s="266"/>
      <c r="BF77" s="266"/>
      <c r="BG77" s="266"/>
      <c r="BH77" s="266"/>
      <c r="BI77" s="266"/>
      <c r="BJ77" s="266"/>
      <c r="BK77" s="266"/>
      <c r="BL77" s="266"/>
      <c r="BM77" s="266"/>
      <c r="BN77" s="266"/>
      <c r="BO77" s="266"/>
      <c r="BP77" s="266"/>
      <c r="BQ77" s="263">
        <v>
71</v>
      </c>
      <c r="BR77" s="268"/>
      <c r="BS77" s="957"/>
      <c r="BT77" s="958"/>
      <c r="BU77" s="958"/>
      <c r="BV77" s="958"/>
      <c r="BW77" s="958"/>
      <c r="BX77" s="958"/>
      <c r="BY77" s="958"/>
      <c r="BZ77" s="958"/>
      <c r="CA77" s="958"/>
      <c r="CB77" s="958"/>
      <c r="CC77" s="958"/>
      <c r="CD77" s="958"/>
      <c r="CE77" s="958"/>
      <c r="CF77" s="958"/>
      <c r="CG77" s="959"/>
      <c r="CH77" s="954"/>
      <c r="CI77" s="955"/>
      <c r="CJ77" s="955"/>
      <c r="CK77" s="955"/>
      <c r="CL77" s="956"/>
      <c r="CM77" s="954"/>
      <c r="CN77" s="955"/>
      <c r="CO77" s="955"/>
      <c r="CP77" s="955"/>
      <c r="CQ77" s="956"/>
      <c r="CR77" s="954"/>
      <c r="CS77" s="955"/>
      <c r="CT77" s="955"/>
      <c r="CU77" s="955"/>
      <c r="CV77" s="956"/>
      <c r="CW77" s="954"/>
      <c r="CX77" s="955"/>
      <c r="CY77" s="955"/>
      <c r="CZ77" s="955"/>
      <c r="DA77" s="956"/>
      <c r="DB77" s="954"/>
      <c r="DC77" s="955"/>
      <c r="DD77" s="955"/>
      <c r="DE77" s="955"/>
      <c r="DF77" s="956"/>
      <c r="DG77" s="954"/>
      <c r="DH77" s="955"/>
      <c r="DI77" s="955"/>
      <c r="DJ77" s="955"/>
      <c r="DK77" s="956"/>
      <c r="DL77" s="954"/>
      <c r="DM77" s="955"/>
      <c r="DN77" s="955"/>
      <c r="DO77" s="955"/>
      <c r="DP77" s="956"/>
      <c r="DQ77" s="954"/>
      <c r="DR77" s="955"/>
      <c r="DS77" s="955"/>
      <c r="DT77" s="955"/>
      <c r="DU77" s="956"/>
      <c r="DV77" s="951"/>
      <c r="DW77" s="952"/>
      <c r="DX77" s="952"/>
      <c r="DY77" s="952"/>
      <c r="DZ77" s="953"/>
      <c r="EA77" s="247"/>
    </row>
    <row r="78" spans="1:131" s="248" customFormat="1" ht="26.25" customHeight="1" x14ac:dyDescent="0.2">
      <c r="A78" s="262">
        <v>
11</v>
      </c>
      <c r="B78" s="967"/>
      <c r="C78" s="968"/>
      <c r="D78" s="968"/>
      <c r="E78" s="968"/>
      <c r="F78" s="968"/>
      <c r="G78" s="968"/>
      <c r="H78" s="968"/>
      <c r="I78" s="968"/>
      <c r="J78" s="968"/>
      <c r="K78" s="968"/>
      <c r="L78" s="968"/>
      <c r="M78" s="968"/>
      <c r="N78" s="968"/>
      <c r="O78" s="968"/>
      <c r="P78" s="969"/>
      <c r="Q78" s="970"/>
      <c r="R78" s="920"/>
      <c r="S78" s="920"/>
      <c r="T78" s="920"/>
      <c r="U78" s="920"/>
      <c r="V78" s="920"/>
      <c r="W78" s="920"/>
      <c r="X78" s="920"/>
      <c r="Y78" s="920"/>
      <c r="Z78" s="920"/>
      <c r="AA78" s="920"/>
      <c r="AB78" s="920"/>
      <c r="AC78" s="920"/>
      <c r="AD78" s="920"/>
      <c r="AE78" s="920"/>
      <c r="AF78" s="920"/>
      <c r="AG78" s="920"/>
      <c r="AH78" s="920"/>
      <c r="AI78" s="920"/>
      <c r="AJ78" s="920"/>
      <c r="AK78" s="920"/>
      <c r="AL78" s="920"/>
      <c r="AM78" s="920"/>
      <c r="AN78" s="920"/>
      <c r="AO78" s="920"/>
      <c r="AP78" s="920"/>
      <c r="AQ78" s="920"/>
      <c r="AR78" s="920"/>
      <c r="AS78" s="920"/>
      <c r="AT78" s="920"/>
      <c r="AU78" s="920"/>
      <c r="AV78" s="920"/>
      <c r="AW78" s="920"/>
      <c r="AX78" s="920"/>
      <c r="AY78" s="920"/>
      <c r="AZ78" s="971"/>
      <c r="BA78" s="971"/>
      <c r="BB78" s="971"/>
      <c r="BC78" s="971"/>
      <c r="BD78" s="972"/>
      <c r="BE78" s="266"/>
      <c r="BF78" s="266"/>
      <c r="BG78" s="266"/>
      <c r="BH78" s="266"/>
      <c r="BI78" s="266"/>
      <c r="BJ78" s="269"/>
      <c r="BK78" s="269"/>
      <c r="BL78" s="269"/>
      <c r="BM78" s="269"/>
      <c r="BN78" s="269"/>
      <c r="BO78" s="266"/>
      <c r="BP78" s="266"/>
      <c r="BQ78" s="263">
        <v>
72</v>
      </c>
      <c r="BR78" s="268"/>
      <c r="BS78" s="957"/>
      <c r="BT78" s="958"/>
      <c r="BU78" s="958"/>
      <c r="BV78" s="958"/>
      <c r="BW78" s="958"/>
      <c r="BX78" s="958"/>
      <c r="BY78" s="958"/>
      <c r="BZ78" s="958"/>
      <c r="CA78" s="958"/>
      <c r="CB78" s="958"/>
      <c r="CC78" s="958"/>
      <c r="CD78" s="958"/>
      <c r="CE78" s="958"/>
      <c r="CF78" s="958"/>
      <c r="CG78" s="959"/>
      <c r="CH78" s="954"/>
      <c r="CI78" s="955"/>
      <c r="CJ78" s="955"/>
      <c r="CK78" s="955"/>
      <c r="CL78" s="956"/>
      <c r="CM78" s="954"/>
      <c r="CN78" s="955"/>
      <c r="CO78" s="955"/>
      <c r="CP78" s="955"/>
      <c r="CQ78" s="956"/>
      <c r="CR78" s="954"/>
      <c r="CS78" s="955"/>
      <c r="CT78" s="955"/>
      <c r="CU78" s="955"/>
      <c r="CV78" s="956"/>
      <c r="CW78" s="954"/>
      <c r="CX78" s="955"/>
      <c r="CY78" s="955"/>
      <c r="CZ78" s="955"/>
      <c r="DA78" s="956"/>
      <c r="DB78" s="954"/>
      <c r="DC78" s="955"/>
      <c r="DD78" s="955"/>
      <c r="DE78" s="955"/>
      <c r="DF78" s="956"/>
      <c r="DG78" s="954"/>
      <c r="DH78" s="955"/>
      <c r="DI78" s="955"/>
      <c r="DJ78" s="955"/>
      <c r="DK78" s="956"/>
      <c r="DL78" s="954"/>
      <c r="DM78" s="955"/>
      <c r="DN78" s="955"/>
      <c r="DO78" s="955"/>
      <c r="DP78" s="956"/>
      <c r="DQ78" s="954"/>
      <c r="DR78" s="955"/>
      <c r="DS78" s="955"/>
      <c r="DT78" s="955"/>
      <c r="DU78" s="956"/>
      <c r="DV78" s="951"/>
      <c r="DW78" s="952"/>
      <c r="DX78" s="952"/>
      <c r="DY78" s="952"/>
      <c r="DZ78" s="953"/>
      <c r="EA78" s="247"/>
    </row>
    <row r="79" spans="1:131" s="248" customFormat="1" ht="26.25" customHeight="1" x14ac:dyDescent="0.2">
      <c r="A79" s="262">
        <v>
12</v>
      </c>
      <c r="B79" s="967"/>
      <c r="C79" s="968"/>
      <c r="D79" s="968"/>
      <c r="E79" s="968"/>
      <c r="F79" s="968"/>
      <c r="G79" s="968"/>
      <c r="H79" s="968"/>
      <c r="I79" s="968"/>
      <c r="J79" s="968"/>
      <c r="K79" s="968"/>
      <c r="L79" s="968"/>
      <c r="M79" s="968"/>
      <c r="N79" s="968"/>
      <c r="O79" s="968"/>
      <c r="P79" s="969"/>
      <c r="Q79" s="970"/>
      <c r="R79" s="920"/>
      <c r="S79" s="920"/>
      <c r="T79" s="920"/>
      <c r="U79" s="920"/>
      <c r="V79" s="920"/>
      <c r="W79" s="920"/>
      <c r="X79" s="920"/>
      <c r="Y79" s="920"/>
      <c r="Z79" s="920"/>
      <c r="AA79" s="920"/>
      <c r="AB79" s="920"/>
      <c r="AC79" s="920"/>
      <c r="AD79" s="920"/>
      <c r="AE79" s="920"/>
      <c r="AF79" s="920"/>
      <c r="AG79" s="920"/>
      <c r="AH79" s="920"/>
      <c r="AI79" s="920"/>
      <c r="AJ79" s="920"/>
      <c r="AK79" s="920"/>
      <c r="AL79" s="920"/>
      <c r="AM79" s="920"/>
      <c r="AN79" s="920"/>
      <c r="AO79" s="920"/>
      <c r="AP79" s="920"/>
      <c r="AQ79" s="920"/>
      <c r="AR79" s="920"/>
      <c r="AS79" s="920"/>
      <c r="AT79" s="920"/>
      <c r="AU79" s="920"/>
      <c r="AV79" s="920"/>
      <c r="AW79" s="920"/>
      <c r="AX79" s="920"/>
      <c r="AY79" s="920"/>
      <c r="AZ79" s="971"/>
      <c r="BA79" s="971"/>
      <c r="BB79" s="971"/>
      <c r="BC79" s="971"/>
      <c r="BD79" s="972"/>
      <c r="BE79" s="266"/>
      <c r="BF79" s="266"/>
      <c r="BG79" s="266"/>
      <c r="BH79" s="266"/>
      <c r="BI79" s="266"/>
      <c r="BJ79" s="269"/>
      <c r="BK79" s="269"/>
      <c r="BL79" s="269"/>
      <c r="BM79" s="269"/>
      <c r="BN79" s="269"/>
      <c r="BO79" s="266"/>
      <c r="BP79" s="266"/>
      <c r="BQ79" s="263">
        <v>
73</v>
      </c>
      <c r="BR79" s="268"/>
      <c r="BS79" s="957"/>
      <c r="BT79" s="958"/>
      <c r="BU79" s="958"/>
      <c r="BV79" s="958"/>
      <c r="BW79" s="958"/>
      <c r="BX79" s="958"/>
      <c r="BY79" s="958"/>
      <c r="BZ79" s="958"/>
      <c r="CA79" s="958"/>
      <c r="CB79" s="958"/>
      <c r="CC79" s="958"/>
      <c r="CD79" s="958"/>
      <c r="CE79" s="958"/>
      <c r="CF79" s="958"/>
      <c r="CG79" s="959"/>
      <c r="CH79" s="954"/>
      <c r="CI79" s="955"/>
      <c r="CJ79" s="955"/>
      <c r="CK79" s="955"/>
      <c r="CL79" s="956"/>
      <c r="CM79" s="954"/>
      <c r="CN79" s="955"/>
      <c r="CO79" s="955"/>
      <c r="CP79" s="955"/>
      <c r="CQ79" s="956"/>
      <c r="CR79" s="954"/>
      <c r="CS79" s="955"/>
      <c r="CT79" s="955"/>
      <c r="CU79" s="955"/>
      <c r="CV79" s="956"/>
      <c r="CW79" s="954"/>
      <c r="CX79" s="955"/>
      <c r="CY79" s="955"/>
      <c r="CZ79" s="955"/>
      <c r="DA79" s="956"/>
      <c r="DB79" s="954"/>
      <c r="DC79" s="955"/>
      <c r="DD79" s="955"/>
      <c r="DE79" s="955"/>
      <c r="DF79" s="956"/>
      <c r="DG79" s="954"/>
      <c r="DH79" s="955"/>
      <c r="DI79" s="955"/>
      <c r="DJ79" s="955"/>
      <c r="DK79" s="956"/>
      <c r="DL79" s="954"/>
      <c r="DM79" s="955"/>
      <c r="DN79" s="955"/>
      <c r="DO79" s="955"/>
      <c r="DP79" s="956"/>
      <c r="DQ79" s="954"/>
      <c r="DR79" s="955"/>
      <c r="DS79" s="955"/>
      <c r="DT79" s="955"/>
      <c r="DU79" s="956"/>
      <c r="DV79" s="951"/>
      <c r="DW79" s="952"/>
      <c r="DX79" s="952"/>
      <c r="DY79" s="952"/>
      <c r="DZ79" s="953"/>
      <c r="EA79" s="247"/>
    </row>
    <row r="80" spans="1:131" s="248" customFormat="1" ht="26.25" customHeight="1" x14ac:dyDescent="0.2">
      <c r="A80" s="262">
        <v>
13</v>
      </c>
      <c r="B80" s="967"/>
      <c r="C80" s="968"/>
      <c r="D80" s="968"/>
      <c r="E80" s="968"/>
      <c r="F80" s="968"/>
      <c r="G80" s="968"/>
      <c r="H80" s="968"/>
      <c r="I80" s="968"/>
      <c r="J80" s="968"/>
      <c r="K80" s="968"/>
      <c r="L80" s="968"/>
      <c r="M80" s="968"/>
      <c r="N80" s="968"/>
      <c r="O80" s="968"/>
      <c r="P80" s="969"/>
      <c r="Q80" s="970"/>
      <c r="R80" s="920"/>
      <c r="S80" s="920"/>
      <c r="T80" s="920"/>
      <c r="U80" s="920"/>
      <c r="V80" s="920"/>
      <c r="W80" s="920"/>
      <c r="X80" s="920"/>
      <c r="Y80" s="920"/>
      <c r="Z80" s="920"/>
      <c r="AA80" s="920"/>
      <c r="AB80" s="920"/>
      <c r="AC80" s="920"/>
      <c r="AD80" s="920"/>
      <c r="AE80" s="920"/>
      <c r="AF80" s="920"/>
      <c r="AG80" s="920"/>
      <c r="AH80" s="920"/>
      <c r="AI80" s="920"/>
      <c r="AJ80" s="920"/>
      <c r="AK80" s="920"/>
      <c r="AL80" s="920"/>
      <c r="AM80" s="920"/>
      <c r="AN80" s="920"/>
      <c r="AO80" s="920"/>
      <c r="AP80" s="920"/>
      <c r="AQ80" s="920"/>
      <c r="AR80" s="920"/>
      <c r="AS80" s="920"/>
      <c r="AT80" s="920"/>
      <c r="AU80" s="920"/>
      <c r="AV80" s="920"/>
      <c r="AW80" s="920"/>
      <c r="AX80" s="920"/>
      <c r="AY80" s="920"/>
      <c r="AZ80" s="971"/>
      <c r="BA80" s="971"/>
      <c r="BB80" s="971"/>
      <c r="BC80" s="971"/>
      <c r="BD80" s="972"/>
      <c r="BE80" s="266"/>
      <c r="BF80" s="266"/>
      <c r="BG80" s="266"/>
      <c r="BH80" s="266"/>
      <c r="BI80" s="266"/>
      <c r="BJ80" s="266"/>
      <c r="BK80" s="266"/>
      <c r="BL80" s="266"/>
      <c r="BM80" s="266"/>
      <c r="BN80" s="266"/>
      <c r="BO80" s="266"/>
      <c r="BP80" s="266"/>
      <c r="BQ80" s="263">
        <v>
74</v>
      </c>
      <c r="BR80" s="268"/>
      <c r="BS80" s="957"/>
      <c r="BT80" s="958"/>
      <c r="BU80" s="958"/>
      <c r="BV80" s="958"/>
      <c r="BW80" s="958"/>
      <c r="BX80" s="958"/>
      <c r="BY80" s="958"/>
      <c r="BZ80" s="958"/>
      <c r="CA80" s="958"/>
      <c r="CB80" s="958"/>
      <c r="CC80" s="958"/>
      <c r="CD80" s="958"/>
      <c r="CE80" s="958"/>
      <c r="CF80" s="958"/>
      <c r="CG80" s="959"/>
      <c r="CH80" s="954"/>
      <c r="CI80" s="955"/>
      <c r="CJ80" s="955"/>
      <c r="CK80" s="955"/>
      <c r="CL80" s="956"/>
      <c r="CM80" s="954"/>
      <c r="CN80" s="955"/>
      <c r="CO80" s="955"/>
      <c r="CP80" s="955"/>
      <c r="CQ80" s="956"/>
      <c r="CR80" s="954"/>
      <c r="CS80" s="955"/>
      <c r="CT80" s="955"/>
      <c r="CU80" s="955"/>
      <c r="CV80" s="956"/>
      <c r="CW80" s="954"/>
      <c r="CX80" s="955"/>
      <c r="CY80" s="955"/>
      <c r="CZ80" s="955"/>
      <c r="DA80" s="956"/>
      <c r="DB80" s="954"/>
      <c r="DC80" s="955"/>
      <c r="DD80" s="955"/>
      <c r="DE80" s="955"/>
      <c r="DF80" s="956"/>
      <c r="DG80" s="954"/>
      <c r="DH80" s="955"/>
      <c r="DI80" s="955"/>
      <c r="DJ80" s="955"/>
      <c r="DK80" s="956"/>
      <c r="DL80" s="954"/>
      <c r="DM80" s="955"/>
      <c r="DN80" s="955"/>
      <c r="DO80" s="955"/>
      <c r="DP80" s="956"/>
      <c r="DQ80" s="954"/>
      <c r="DR80" s="955"/>
      <c r="DS80" s="955"/>
      <c r="DT80" s="955"/>
      <c r="DU80" s="956"/>
      <c r="DV80" s="951"/>
      <c r="DW80" s="952"/>
      <c r="DX80" s="952"/>
      <c r="DY80" s="952"/>
      <c r="DZ80" s="953"/>
      <c r="EA80" s="247"/>
    </row>
    <row r="81" spans="1:131" s="248" customFormat="1" ht="26.25" customHeight="1" x14ac:dyDescent="0.2">
      <c r="A81" s="262">
        <v>
14</v>
      </c>
      <c r="B81" s="967"/>
      <c r="C81" s="968"/>
      <c r="D81" s="968"/>
      <c r="E81" s="968"/>
      <c r="F81" s="968"/>
      <c r="G81" s="968"/>
      <c r="H81" s="968"/>
      <c r="I81" s="968"/>
      <c r="J81" s="968"/>
      <c r="K81" s="968"/>
      <c r="L81" s="968"/>
      <c r="M81" s="968"/>
      <c r="N81" s="968"/>
      <c r="O81" s="968"/>
      <c r="P81" s="969"/>
      <c r="Q81" s="970"/>
      <c r="R81" s="920"/>
      <c r="S81" s="920"/>
      <c r="T81" s="920"/>
      <c r="U81" s="920"/>
      <c r="V81" s="920"/>
      <c r="W81" s="920"/>
      <c r="X81" s="920"/>
      <c r="Y81" s="920"/>
      <c r="Z81" s="920"/>
      <c r="AA81" s="920"/>
      <c r="AB81" s="920"/>
      <c r="AC81" s="920"/>
      <c r="AD81" s="920"/>
      <c r="AE81" s="920"/>
      <c r="AF81" s="920"/>
      <c r="AG81" s="920"/>
      <c r="AH81" s="920"/>
      <c r="AI81" s="920"/>
      <c r="AJ81" s="920"/>
      <c r="AK81" s="920"/>
      <c r="AL81" s="920"/>
      <c r="AM81" s="920"/>
      <c r="AN81" s="920"/>
      <c r="AO81" s="920"/>
      <c r="AP81" s="920"/>
      <c r="AQ81" s="920"/>
      <c r="AR81" s="920"/>
      <c r="AS81" s="920"/>
      <c r="AT81" s="920"/>
      <c r="AU81" s="920"/>
      <c r="AV81" s="920"/>
      <c r="AW81" s="920"/>
      <c r="AX81" s="920"/>
      <c r="AY81" s="920"/>
      <c r="AZ81" s="971"/>
      <c r="BA81" s="971"/>
      <c r="BB81" s="971"/>
      <c r="BC81" s="971"/>
      <c r="BD81" s="972"/>
      <c r="BE81" s="266"/>
      <c r="BF81" s="266"/>
      <c r="BG81" s="266"/>
      <c r="BH81" s="266"/>
      <c r="BI81" s="266"/>
      <c r="BJ81" s="266"/>
      <c r="BK81" s="266"/>
      <c r="BL81" s="266"/>
      <c r="BM81" s="266"/>
      <c r="BN81" s="266"/>
      <c r="BO81" s="266"/>
      <c r="BP81" s="266"/>
      <c r="BQ81" s="263">
        <v>
75</v>
      </c>
      <c r="BR81" s="268"/>
      <c r="BS81" s="957"/>
      <c r="BT81" s="958"/>
      <c r="BU81" s="958"/>
      <c r="BV81" s="958"/>
      <c r="BW81" s="958"/>
      <c r="BX81" s="958"/>
      <c r="BY81" s="958"/>
      <c r="BZ81" s="958"/>
      <c r="CA81" s="958"/>
      <c r="CB81" s="958"/>
      <c r="CC81" s="958"/>
      <c r="CD81" s="958"/>
      <c r="CE81" s="958"/>
      <c r="CF81" s="958"/>
      <c r="CG81" s="959"/>
      <c r="CH81" s="954"/>
      <c r="CI81" s="955"/>
      <c r="CJ81" s="955"/>
      <c r="CK81" s="955"/>
      <c r="CL81" s="956"/>
      <c r="CM81" s="954"/>
      <c r="CN81" s="955"/>
      <c r="CO81" s="955"/>
      <c r="CP81" s="955"/>
      <c r="CQ81" s="956"/>
      <c r="CR81" s="954"/>
      <c r="CS81" s="955"/>
      <c r="CT81" s="955"/>
      <c r="CU81" s="955"/>
      <c r="CV81" s="956"/>
      <c r="CW81" s="954"/>
      <c r="CX81" s="955"/>
      <c r="CY81" s="955"/>
      <c r="CZ81" s="955"/>
      <c r="DA81" s="956"/>
      <c r="DB81" s="954"/>
      <c r="DC81" s="955"/>
      <c r="DD81" s="955"/>
      <c r="DE81" s="955"/>
      <c r="DF81" s="956"/>
      <c r="DG81" s="954"/>
      <c r="DH81" s="955"/>
      <c r="DI81" s="955"/>
      <c r="DJ81" s="955"/>
      <c r="DK81" s="956"/>
      <c r="DL81" s="954"/>
      <c r="DM81" s="955"/>
      <c r="DN81" s="955"/>
      <c r="DO81" s="955"/>
      <c r="DP81" s="956"/>
      <c r="DQ81" s="954"/>
      <c r="DR81" s="955"/>
      <c r="DS81" s="955"/>
      <c r="DT81" s="955"/>
      <c r="DU81" s="956"/>
      <c r="DV81" s="951"/>
      <c r="DW81" s="952"/>
      <c r="DX81" s="952"/>
      <c r="DY81" s="952"/>
      <c r="DZ81" s="953"/>
      <c r="EA81" s="247"/>
    </row>
    <row r="82" spans="1:131" s="248" customFormat="1" ht="26.25" customHeight="1" x14ac:dyDescent="0.2">
      <c r="A82" s="262">
        <v>
15</v>
      </c>
      <c r="B82" s="967"/>
      <c r="C82" s="968"/>
      <c r="D82" s="968"/>
      <c r="E82" s="968"/>
      <c r="F82" s="968"/>
      <c r="G82" s="968"/>
      <c r="H82" s="968"/>
      <c r="I82" s="968"/>
      <c r="J82" s="968"/>
      <c r="K82" s="968"/>
      <c r="L82" s="968"/>
      <c r="M82" s="968"/>
      <c r="N82" s="968"/>
      <c r="O82" s="968"/>
      <c r="P82" s="969"/>
      <c r="Q82" s="970"/>
      <c r="R82" s="920"/>
      <c r="S82" s="920"/>
      <c r="T82" s="920"/>
      <c r="U82" s="920"/>
      <c r="V82" s="920"/>
      <c r="W82" s="920"/>
      <c r="X82" s="920"/>
      <c r="Y82" s="920"/>
      <c r="Z82" s="920"/>
      <c r="AA82" s="920"/>
      <c r="AB82" s="920"/>
      <c r="AC82" s="920"/>
      <c r="AD82" s="920"/>
      <c r="AE82" s="920"/>
      <c r="AF82" s="920"/>
      <c r="AG82" s="920"/>
      <c r="AH82" s="920"/>
      <c r="AI82" s="920"/>
      <c r="AJ82" s="920"/>
      <c r="AK82" s="920"/>
      <c r="AL82" s="920"/>
      <c r="AM82" s="920"/>
      <c r="AN82" s="920"/>
      <c r="AO82" s="920"/>
      <c r="AP82" s="920"/>
      <c r="AQ82" s="920"/>
      <c r="AR82" s="920"/>
      <c r="AS82" s="920"/>
      <c r="AT82" s="920"/>
      <c r="AU82" s="920"/>
      <c r="AV82" s="920"/>
      <c r="AW82" s="920"/>
      <c r="AX82" s="920"/>
      <c r="AY82" s="920"/>
      <c r="AZ82" s="971"/>
      <c r="BA82" s="971"/>
      <c r="BB82" s="971"/>
      <c r="BC82" s="971"/>
      <c r="BD82" s="972"/>
      <c r="BE82" s="266"/>
      <c r="BF82" s="266"/>
      <c r="BG82" s="266"/>
      <c r="BH82" s="266"/>
      <c r="BI82" s="266"/>
      <c r="BJ82" s="266"/>
      <c r="BK82" s="266"/>
      <c r="BL82" s="266"/>
      <c r="BM82" s="266"/>
      <c r="BN82" s="266"/>
      <c r="BO82" s="266"/>
      <c r="BP82" s="266"/>
      <c r="BQ82" s="263">
        <v>
76</v>
      </c>
      <c r="BR82" s="268"/>
      <c r="BS82" s="957"/>
      <c r="BT82" s="958"/>
      <c r="BU82" s="958"/>
      <c r="BV82" s="958"/>
      <c r="BW82" s="958"/>
      <c r="BX82" s="958"/>
      <c r="BY82" s="958"/>
      <c r="BZ82" s="958"/>
      <c r="CA82" s="958"/>
      <c r="CB82" s="958"/>
      <c r="CC82" s="958"/>
      <c r="CD82" s="958"/>
      <c r="CE82" s="958"/>
      <c r="CF82" s="958"/>
      <c r="CG82" s="959"/>
      <c r="CH82" s="954"/>
      <c r="CI82" s="955"/>
      <c r="CJ82" s="955"/>
      <c r="CK82" s="955"/>
      <c r="CL82" s="956"/>
      <c r="CM82" s="954"/>
      <c r="CN82" s="955"/>
      <c r="CO82" s="955"/>
      <c r="CP82" s="955"/>
      <c r="CQ82" s="956"/>
      <c r="CR82" s="954"/>
      <c r="CS82" s="955"/>
      <c r="CT82" s="955"/>
      <c r="CU82" s="955"/>
      <c r="CV82" s="956"/>
      <c r="CW82" s="954"/>
      <c r="CX82" s="955"/>
      <c r="CY82" s="955"/>
      <c r="CZ82" s="955"/>
      <c r="DA82" s="956"/>
      <c r="DB82" s="954"/>
      <c r="DC82" s="955"/>
      <c r="DD82" s="955"/>
      <c r="DE82" s="955"/>
      <c r="DF82" s="956"/>
      <c r="DG82" s="954"/>
      <c r="DH82" s="955"/>
      <c r="DI82" s="955"/>
      <c r="DJ82" s="955"/>
      <c r="DK82" s="956"/>
      <c r="DL82" s="954"/>
      <c r="DM82" s="955"/>
      <c r="DN82" s="955"/>
      <c r="DO82" s="955"/>
      <c r="DP82" s="956"/>
      <c r="DQ82" s="954"/>
      <c r="DR82" s="955"/>
      <c r="DS82" s="955"/>
      <c r="DT82" s="955"/>
      <c r="DU82" s="956"/>
      <c r="DV82" s="951"/>
      <c r="DW82" s="952"/>
      <c r="DX82" s="952"/>
      <c r="DY82" s="952"/>
      <c r="DZ82" s="953"/>
      <c r="EA82" s="247"/>
    </row>
    <row r="83" spans="1:131" s="248" customFormat="1" ht="26.25" customHeight="1" x14ac:dyDescent="0.2">
      <c r="A83" s="262">
        <v>
16</v>
      </c>
      <c r="B83" s="967"/>
      <c r="C83" s="968"/>
      <c r="D83" s="968"/>
      <c r="E83" s="968"/>
      <c r="F83" s="968"/>
      <c r="G83" s="968"/>
      <c r="H83" s="968"/>
      <c r="I83" s="968"/>
      <c r="J83" s="968"/>
      <c r="K83" s="968"/>
      <c r="L83" s="968"/>
      <c r="M83" s="968"/>
      <c r="N83" s="968"/>
      <c r="O83" s="968"/>
      <c r="P83" s="969"/>
      <c r="Q83" s="970"/>
      <c r="R83" s="920"/>
      <c r="S83" s="920"/>
      <c r="T83" s="920"/>
      <c r="U83" s="920"/>
      <c r="V83" s="920"/>
      <c r="W83" s="920"/>
      <c r="X83" s="920"/>
      <c r="Y83" s="920"/>
      <c r="Z83" s="920"/>
      <c r="AA83" s="920"/>
      <c r="AB83" s="920"/>
      <c r="AC83" s="920"/>
      <c r="AD83" s="920"/>
      <c r="AE83" s="920"/>
      <c r="AF83" s="920"/>
      <c r="AG83" s="920"/>
      <c r="AH83" s="920"/>
      <c r="AI83" s="920"/>
      <c r="AJ83" s="920"/>
      <c r="AK83" s="920"/>
      <c r="AL83" s="920"/>
      <c r="AM83" s="920"/>
      <c r="AN83" s="920"/>
      <c r="AO83" s="920"/>
      <c r="AP83" s="920"/>
      <c r="AQ83" s="920"/>
      <c r="AR83" s="920"/>
      <c r="AS83" s="920"/>
      <c r="AT83" s="920"/>
      <c r="AU83" s="920"/>
      <c r="AV83" s="920"/>
      <c r="AW83" s="920"/>
      <c r="AX83" s="920"/>
      <c r="AY83" s="920"/>
      <c r="AZ83" s="971"/>
      <c r="BA83" s="971"/>
      <c r="BB83" s="971"/>
      <c r="BC83" s="971"/>
      <c r="BD83" s="972"/>
      <c r="BE83" s="266"/>
      <c r="BF83" s="266"/>
      <c r="BG83" s="266"/>
      <c r="BH83" s="266"/>
      <c r="BI83" s="266"/>
      <c r="BJ83" s="266"/>
      <c r="BK83" s="266"/>
      <c r="BL83" s="266"/>
      <c r="BM83" s="266"/>
      <c r="BN83" s="266"/>
      <c r="BO83" s="266"/>
      <c r="BP83" s="266"/>
      <c r="BQ83" s="263">
        <v>
77</v>
      </c>
      <c r="BR83" s="268"/>
      <c r="BS83" s="957"/>
      <c r="BT83" s="958"/>
      <c r="BU83" s="958"/>
      <c r="BV83" s="958"/>
      <c r="BW83" s="958"/>
      <c r="BX83" s="958"/>
      <c r="BY83" s="958"/>
      <c r="BZ83" s="958"/>
      <c r="CA83" s="958"/>
      <c r="CB83" s="958"/>
      <c r="CC83" s="958"/>
      <c r="CD83" s="958"/>
      <c r="CE83" s="958"/>
      <c r="CF83" s="958"/>
      <c r="CG83" s="959"/>
      <c r="CH83" s="954"/>
      <c r="CI83" s="955"/>
      <c r="CJ83" s="955"/>
      <c r="CK83" s="955"/>
      <c r="CL83" s="956"/>
      <c r="CM83" s="954"/>
      <c r="CN83" s="955"/>
      <c r="CO83" s="955"/>
      <c r="CP83" s="955"/>
      <c r="CQ83" s="956"/>
      <c r="CR83" s="954"/>
      <c r="CS83" s="955"/>
      <c r="CT83" s="955"/>
      <c r="CU83" s="955"/>
      <c r="CV83" s="956"/>
      <c r="CW83" s="954"/>
      <c r="CX83" s="955"/>
      <c r="CY83" s="955"/>
      <c r="CZ83" s="955"/>
      <c r="DA83" s="956"/>
      <c r="DB83" s="954"/>
      <c r="DC83" s="955"/>
      <c r="DD83" s="955"/>
      <c r="DE83" s="955"/>
      <c r="DF83" s="956"/>
      <c r="DG83" s="954"/>
      <c r="DH83" s="955"/>
      <c r="DI83" s="955"/>
      <c r="DJ83" s="955"/>
      <c r="DK83" s="956"/>
      <c r="DL83" s="954"/>
      <c r="DM83" s="955"/>
      <c r="DN83" s="955"/>
      <c r="DO83" s="955"/>
      <c r="DP83" s="956"/>
      <c r="DQ83" s="954"/>
      <c r="DR83" s="955"/>
      <c r="DS83" s="955"/>
      <c r="DT83" s="955"/>
      <c r="DU83" s="956"/>
      <c r="DV83" s="951"/>
      <c r="DW83" s="952"/>
      <c r="DX83" s="952"/>
      <c r="DY83" s="952"/>
      <c r="DZ83" s="953"/>
      <c r="EA83" s="247"/>
    </row>
    <row r="84" spans="1:131" s="248" customFormat="1" ht="26.25" customHeight="1" x14ac:dyDescent="0.2">
      <c r="A84" s="262">
        <v>
17</v>
      </c>
      <c r="B84" s="967"/>
      <c r="C84" s="968"/>
      <c r="D84" s="968"/>
      <c r="E84" s="968"/>
      <c r="F84" s="968"/>
      <c r="G84" s="968"/>
      <c r="H84" s="968"/>
      <c r="I84" s="968"/>
      <c r="J84" s="968"/>
      <c r="K84" s="968"/>
      <c r="L84" s="968"/>
      <c r="M84" s="968"/>
      <c r="N84" s="968"/>
      <c r="O84" s="968"/>
      <c r="P84" s="969"/>
      <c r="Q84" s="970"/>
      <c r="R84" s="920"/>
      <c r="S84" s="920"/>
      <c r="T84" s="920"/>
      <c r="U84" s="920"/>
      <c r="V84" s="920"/>
      <c r="W84" s="920"/>
      <c r="X84" s="920"/>
      <c r="Y84" s="920"/>
      <c r="Z84" s="920"/>
      <c r="AA84" s="920"/>
      <c r="AB84" s="920"/>
      <c r="AC84" s="920"/>
      <c r="AD84" s="920"/>
      <c r="AE84" s="920"/>
      <c r="AF84" s="920"/>
      <c r="AG84" s="920"/>
      <c r="AH84" s="920"/>
      <c r="AI84" s="920"/>
      <c r="AJ84" s="920"/>
      <c r="AK84" s="920"/>
      <c r="AL84" s="920"/>
      <c r="AM84" s="920"/>
      <c r="AN84" s="920"/>
      <c r="AO84" s="920"/>
      <c r="AP84" s="920"/>
      <c r="AQ84" s="920"/>
      <c r="AR84" s="920"/>
      <c r="AS84" s="920"/>
      <c r="AT84" s="920"/>
      <c r="AU84" s="920"/>
      <c r="AV84" s="920"/>
      <c r="AW84" s="920"/>
      <c r="AX84" s="920"/>
      <c r="AY84" s="920"/>
      <c r="AZ84" s="971"/>
      <c r="BA84" s="971"/>
      <c r="BB84" s="971"/>
      <c r="BC84" s="971"/>
      <c r="BD84" s="972"/>
      <c r="BE84" s="266"/>
      <c r="BF84" s="266"/>
      <c r="BG84" s="266"/>
      <c r="BH84" s="266"/>
      <c r="BI84" s="266"/>
      <c r="BJ84" s="266"/>
      <c r="BK84" s="266"/>
      <c r="BL84" s="266"/>
      <c r="BM84" s="266"/>
      <c r="BN84" s="266"/>
      <c r="BO84" s="266"/>
      <c r="BP84" s="266"/>
      <c r="BQ84" s="263">
        <v>
78</v>
      </c>
      <c r="BR84" s="268"/>
      <c r="BS84" s="957"/>
      <c r="BT84" s="958"/>
      <c r="BU84" s="958"/>
      <c r="BV84" s="958"/>
      <c r="BW84" s="958"/>
      <c r="BX84" s="958"/>
      <c r="BY84" s="958"/>
      <c r="BZ84" s="958"/>
      <c r="CA84" s="958"/>
      <c r="CB84" s="958"/>
      <c r="CC84" s="958"/>
      <c r="CD84" s="958"/>
      <c r="CE84" s="958"/>
      <c r="CF84" s="958"/>
      <c r="CG84" s="959"/>
      <c r="CH84" s="954"/>
      <c r="CI84" s="955"/>
      <c r="CJ84" s="955"/>
      <c r="CK84" s="955"/>
      <c r="CL84" s="956"/>
      <c r="CM84" s="954"/>
      <c r="CN84" s="955"/>
      <c r="CO84" s="955"/>
      <c r="CP84" s="955"/>
      <c r="CQ84" s="956"/>
      <c r="CR84" s="954"/>
      <c r="CS84" s="955"/>
      <c r="CT84" s="955"/>
      <c r="CU84" s="955"/>
      <c r="CV84" s="956"/>
      <c r="CW84" s="954"/>
      <c r="CX84" s="955"/>
      <c r="CY84" s="955"/>
      <c r="CZ84" s="955"/>
      <c r="DA84" s="956"/>
      <c r="DB84" s="954"/>
      <c r="DC84" s="955"/>
      <c r="DD84" s="955"/>
      <c r="DE84" s="955"/>
      <c r="DF84" s="956"/>
      <c r="DG84" s="954"/>
      <c r="DH84" s="955"/>
      <c r="DI84" s="955"/>
      <c r="DJ84" s="955"/>
      <c r="DK84" s="956"/>
      <c r="DL84" s="954"/>
      <c r="DM84" s="955"/>
      <c r="DN84" s="955"/>
      <c r="DO84" s="955"/>
      <c r="DP84" s="956"/>
      <c r="DQ84" s="954"/>
      <c r="DR84" s="955"/>
      <c r="DS84" s="955"/>
      <c r="DT84" s="955"/>
      <c r="DU84" s="956"/>
      <c r="DV84" s="951"/>
      <c r="DW84" s="952"/>
      <c r="DX84" s="952"/>
      <c r="DY84" s="952"/>
      <c r="DZ84" s="953"/>
      <c r="EA84" s="247"/>
    </row>
    <row r="85" spans="1:131" s="248" customFormat="1" ht="26.25" customHeight="1" x14ac:dyDescent="0.2">
      <c r="A85" s="262">
        <v>
18</v>
      </c>
      <c r="B85" s="967"/>
      <c r="C85" s="968"/>
      <c r="D85" s="968"/>
      <c r="E85" s="968"/>
      <c r="F85" s="968"/>
      <c r="G85" s="968"/>
      <c r="H85" s="968"/>
      <c r="I85" s="968"/>
      <c r="J85" s="968"/>
      <c r="K85" s="968"/>
      <c r="L85" s="968"/>
      <c r="M85" s="968"/>
      <c r="N85" s="968"/>
      <c r="O85" s="968"/>
      <c r="P85" s="969"/>
      <c r="Q85" s="970"/>
      <c r="R85" s="920"/>
      <c r="S85" s="920"/>
      <c r="T85" s="920"/>
      <c r="U85" s="920"/>
      <c r="V85" s="920"/>
      <c r="W85" s="920"/>
      <c r="X85" s="920"/>
      <c r="Y85" s="920"/>
      <c r="Z85" s="920"/>
      <c r="AA85" s="920"/>
      <c r="AB85" s="920"/>
      <c r="AC85" s="920"/>
      <c r="AD85" s="920"/>
      <c r="AE85" s="920"/>
      <c r="AF85" s="920"/>
      <c r="AG85" s="920"/>
      <c r="AH85" s="920"/>
      <c r="AI85" s="920"/>
      <c r="AJ85" s="920"/>
      <c r="AK85" s="920"/>
      <c r="AL85" s="920"/>
      <c r="AM85" s="920"/>
      <c r="AN85" s="920"/>
      <c r="AO85" s="920"/>
      <c r="AP85" s="920"/>
      <c r="AQ85" s="920"/>
      <c r="AR85" s="920"/>
      <c r="AS85" s="920"/>
      <c r="AT85" s="920"/>
      <c r="AU85" s="920"/>
      <c r="AV85" s="920"/>
      <c r="AW85" s="920"/>
      <c r="AX85" s="920"/>
      <c r="AY85" s="920"/>
      <c r="AZ85" s="971"/>
      <c r="BA85" s="971"/>
      <c r="BB85" s="971"/>
      <c r="BC85" s="971"/>
      <c r="BD85" s="972"/>
      <c r="BE85" s="266"/>
      <c r="BF85" s="266"/>
      <c r="BG85" s="266"/>
      <c r="BH85" s="266"/>
      <c r="BI85" s="266"/>
      <c r="BJ85" s="266"/>
      <c r="BK85" s="266"/>
      <c r="BL85" s="266"/>
      <c r="BM85" s="266"/>
      <c r="BN85" s="266"/>
      <c r="BO85" s="266"/>
      <c r="BP85" s="266"/>
      <c r="BQ85" s="263">
        <v>
79</v>
      </c>
      <c r="BR85" s="268"/>
      <c r="BS85" s="957"/>
      <c r="BT85" s="958"/>
      <c r="BU85" s="958"/>
      <c r="BV85" s="958"/>
      <c r="BW85" s="958"/>
      <c r="BX85" s="958"/>
      <c r="BY85" s="958"/>
      <c r="BZ85" s="958"/>
      <c r="CA85" s="958"/>
      <c r="CB85" s="958"/>
      <c r="CC85" s="958"/>
      <c r="CD85" s="958"/>
      <c r="CE85" s="958"/>
      <c r="CF85" s="958"/>
      <c r="CG85" s="959"/>
      <c r="CH85" s="954"/>
      <c r="CI85" s="955"/>
      <c r="CJ85" s="955"/>
      <c r="CK85" s="955"/>
      <c r="CL85" s="956"/>
      <c r="CM85" s="954"/>
      <c r="CN85" s="955"/>
      <c r="CO85" s="955"/>
      <c r="CP85" s="955"/>
      <c r="CQ85" s="956"/>
      <c r="CR85" s="954"/>
      <c r="CS85" s="955"/>
      <c r="CT85" s="955"/>
      <c r="CU85" s="955"/>
      <c r="CV85" s="956"/>
      <c r="CW85" s="954"/>
      <c r="CX85" s="955"/>
      <c r="CY85" s="955"/>
      <c r="CZ85" s="955"/>
      <c r="DA85" s="956"/>
      <c r="DB85" s="954"/>
      <c r="DC85" s="955"/>
      <c r="DD85" s="955"/>
      <c r="DE85" s="955"/>
      <c r="DF85" s="956"/>
      <c r="DG85" s="954"/>
      <c r="DH85" s="955"/>
      <c r="DI85" s="955"/>
      <c r="DJ85" s="955"/>
      <c r="DK85" s="956"/>
      <c r="DL85" s="954"/>
      <c r="DM85" s="955"/>
      <c r="DN85" s="955"/>
      <c r="DO85" s="955"/>
      <c r="DP85" s="956"/>
      <c r="DQ85" s="954"/>
      <c r="DR85" s="955"/>
      <c r="DS85" s="955"/>
      <c r="DT85" s="955"/>
      <c r="DU85" s="956"/>
      <c r="DV85" s="951"/>
      <c r="DW85" s="952"/>
      <c r="DX85" s="952"/>
      <c r="DY85" s="952"/>
      <c r="DZ85" s="953"/>
      <c r="EA85" s="247"/>
    </row>
    <row r="86" spans="1:131" s="248" customFormat="1" ht="26.25" customHeight="1" x14ac:dyDescent="0.2">
      <c r="A86" s="262">
        <v>
19</v>
      </c>
      <c r="B86" s="967"/>
      <c r="C86" s="968"/>
      <c r="D86" s="968"/>
      <c r="E86" s="968"/>
      <c r="F86" s="968"/>
      <c r="G86" s="968"/>
      <c r="H86" s="968"/>
      <c r="I86" s="968"/>
      <c r="J86" s="968"/>
      <c r="K86" s="968"/>
      <c r="L86" s="968"/>
      <c r="M86" s="968"/>
      <c r="N86" s="968"/>
      <c r="O86" s="968"/>
      <c r="P86" s="969"/>
      <c r="Q86" s="970"/>
      <c r="R86" s="920"/>
      <c r="S86" s="920"/>
      <c r="T86" s="920"/>
      <c r="U86" s="920"/>
      <c r="V86" s="920"/>
      <c r="W86" s="920"/>
      <c r="X86" s="920"/>
      <c r="Y86" s="920"/>
      <c r="Z86" s="920"/>
      <c r="AA86" s="920"/>
      <c r="AB86" s="920"/>
      <c r="AC86" s="920"/>
      <c r="AD86" s="920"/>
      <c r="AE86" s="920"/>
      <c r="AF86" s="920"/>
      <c r="AG86" s="920"/>
      <c r="AH86" s="920"/>
      <c r="AI86" s="920"/>
      <c r="AJ86" s="920"/>
      <c r="AK86" s="920"/>
      <c r="AL86" s="920"/>
      <c r="AM86" s="920"/>
      <c r="AN86" s="920"/>
      <c r="AO86" s="920"/>
      <c r="AP86" s="920"/>
      <c r="AQ86" s="920"/>
      <c r="AR86" s="920"/>
      <c r="AS86" s="920"/>
      <c r="AT86" s="920"/>
      <c r="AU86" s="920"/>
      <c r="AV86" s="920"/>
      <c r="AW86" s="920"/>
      <c r="AX86" s="920"/>
      <c r="AY86" s="920"/>
      <c r="AZ86" s="971"/>
      <c r="BA86" s="971"/>
      <c r="BB86" s="971"/>
      <c r="BC86" s="971"/>
      <c r="BD86" s="972"/>
      <c r="BE86" s="266"/>
      <c r="BF86" s="266"/>
      <c r="BG86" s="266"/>
      <c r="BH86" s="266"/>
      <c r="BI86" s="266"/>
      <c r="BJ86" s="266"/>
      <c r="BK86" s="266"/>
      <c r="BL86" s="266"/>
      <c r="BM86" s="266"/>
      <c r="BN86" s="266"/>
      <c r="BO86" s="266"/>
      <c r="BP86" s="266"/>
      <c r="BQ86" s="263">
        <v>
80</v>
      </c>
      <c r="BR86" s="268"/>
      <c r="BS86" s="957"/>
      <c r="BT86" s="958"/>
      <c r="BU86" s="958"/>
      <c r="BV86" s="958"/>
      <c r="BW86" s="958"/>
      <c r="BX86" s="958"/>
      <c r="BY86" s="958"/>
      <c r="BZ86" s="958"/>
      <c r="CA86" s="958"/>
      <c r="CB86" s="958"/>
      <c r="CC86" s="958"/>
      <c r="CD86" s="958"/>
      <c r="CE86" s="958"/>
      <c r="CF86" s="958"/>
      <c r="CG86" s="959"/>
      <c r="CH86" s="954"/>
      <c r="CI86" s="955"/>
      <c r="CJ86" s="955"/>
      <c r="CK86" s="955"/>
      <c r="CL86" s="956"/>
      <c r="CM86" s="954"/>
      <c r="CN86" s="955"/>
      <c r="CO86" s="955"/>
      <c r="CP86" s="955"/>
      <c r="CQ86" s="956"/>
      <c r="CR86" s="954"/>
      <c r="CS86" s="955"/>
      <c r="CT86" s="955"/>
      <c r="CU86" s="955"/>
      <c r="CV86" s="956"/>
      <c r="CW86" s="954"/>
      <c r="CX86" s="955"/>
      <c r="CY86" s="955"/>
      <c r="CZ86" s="955"/>
      <c r="DA86" s="956"/>
      <c r="DB86" s="954"/>
      <c r="DC86" s="955"/>
      <c r="DD86" s="955"/>
      <c r="DE86" s="955"/>
      <c r="DF86" s="956"/>
      <c r="DG86" s="954"/>
      <c r="DH86" s="955"/>
      <c r="DI86" s="955"/>
      <c r="DJ86" s="955"/>
      <c r="DK86" s="956"/>
      <c r="DL86" s="954"/>
      <c r="DM86" s="955"/>
      <c r="DN86" s="955"/>
      <c r="DO86" s="955"/>
      <c r="DP86" s="956"/>
      <c r="DQ86" s="954"/>
      <c r="DR86" s="955"/>
      <c r="DS86" s="955"/>
      <c r="DT86" s="955"/>
      <c r="DU86" s="956"/>
      <c r="DV86" s="951"/>
      <c r="DW86" s="952"/>
      <c r="DX86" s="952"/>
      <c r="DY86" s="952"/>
      <c r="DZ86" s="953"/>
      <c r="EA86" s="247"/>
    </row>
    <row r="87" spans="1:131" s="248" customFormat="1" ht="26.25" customHeight="1" x14ac:dyDescent="0.2">
      <c r="A87" s="270">
        <v>
20</v>
      </c>
      <c r="B87" s="974"/>
      <c r="C87" s="975"/>
      <c r="D87" s="975"/>
      <c r="E87" s="975"/>
      <c r="F87" s="975"/>
      <c r="G87" s="975"/>
      <c r="H87" s="975"/>
      <c r="I87" s="975"/>
      <c r="J87" s="975"/>
      <c r="K87" s="975"/>
      <c r="L87" s="975"/>
      <c r="M87" s="975"/>
      <c r="N87" s="975"/>
      <c r="O87" s="975"/>
      <c r="P87" s="976"/>
      <c r="Q87" s="977"/>
      <c r="R87" s="978"/>
      <c r="S87" s="978"/>
      <c r="T87" s="978"/>
      <c r="U87" s="978"/>
      <c r="V87" s="978"/>
      <c r="W87" s="978"/>
      <c r="X87" s="978"/>
      <c r="Y87" s="978"/>
      <c r="Z87" s="978"/>
      <c r="AA87" s="978"/>
      <c r="AB87" s="978"/>
      <c r="AC87" s="978"/>
      <c r="AD87" s="978"/>
      <c r="AE87" s="978"/>
      <c r="AF87" s="978"/>
      <c r="AG87" s="978"/>
      <c r="AH87" s="978"/>
      <c r="AI87" s="978"/>
      <c r="AJ87" s="978"/>
      <c r="AK87" s="978"/>
      <c r="AL87" s="978"/>
      <c r="AM87" s="978"/>
      <c r="AN87" s="978"/>
      <c r="AO87" s="978"/>
      <c r="AP87" s="978"/>
      <c r="AQ87" s="978"/>
      <c r="AR87" s="978"/>
      <c r="AS87" s="978"/>
      <c r="AT87" s="978"/>
      <c r="AU87" s="978"/>
      <c r="AV87" s="978"/>
      <c r="AW87" s="978"/>
      <c r="AX87" s="978"/>
      <c r="AY87" s="978"/>
      <c r="AZ87" s="979"/>
      <c r="BA87" s="979"/>
      <c r="BB87" s="979"/>
      <c r="BC87" s="979"/>
      <c r="BD87" s="980"/>
      <c r="BE87" s="266"/>
      <c r="BF87" s="266"/>
      <c r="BG87" s="266"/>
      <c r="BH87" s="266"/>
      <c r="BI87" s="266"/>
      <c r="BJ87" s="266"/>
      <c r="BK87" s="266"/>
      <c r="BL87" s="266"/>
      <c r="BM87" s="266"/>
      <c r="BN87" s="266"/>
      <c r="BO87" s="266"/>
      <c r="BP87" s="266"/>
      <c r="BQ87" s="263">
        <v>
81</v>
      </c>
      <c r="BR87" s="268"/>
      <c r="BS87" s="957"/>
      <c r="BT87" s="958"/>
      <c r="BU87" s="958"/>
      <c r="BV87" s="958"/>
      <c r="BW87" s="958"/>
      <c r="BX87" s="958"/>
      <c r="BY87" s="958"/>
      <c r="BZ87" s="958"/>
      <c r="CA87" s="958"/>
      <c r="CB87" s="958"/>
      <c r="CC87" s="958"/>
      <c r="CD87" s="958"/>
      <c r="CE87" s="958"/>
      <c r="CF87" s="958"/>
      <c r="CG87" s="959"/>
      <c r="CH87" s="954"/>
      <c r="CI87" s="955"/>
      <c r="CJ87" s="955"/>
      <c r="CK87" s="955"/>
      <c r="CL87" s="956"/>
      <c r="CM87" s="954"/>
      <c r="CN87" s="955"/>
      <c r="CO87" s="955"/>
      <c r="CP87" s="955"/>
      <c r="CQ87" s="956"/>
      <c r="CR87" s="954"/>
      <c r="CS87" s="955"/>
      <c r="CT87" s="955"/>
      <c r="CU87" s="955"/>
      <c r="CV87" s="956"/>
      <c r="CW87" s="954"/>
      <c r="CX87" s="955"/>
      <c r="CY87" s="955"/>
      <c r="CZ87" s="955"/>
      <c r="DA87" s="956"/>
      <c r="DB87" s="954"/>
      <c r="DC87" s="955"/>
      <c r="DD87" s="955"/>
      <c r="DE87" s="955"/>
      <c r="DF87" s="956"/>
      <c r="DG87" s="954"/>
      <c r="DH87" s="955"/>
      <c r="DI87" s="955"/>
      <c r="DJ87" s="955"/>
      <c r="DK87" s="956"/>
      <c r="DL87" s="954"/>
      <c r="DM87" s="955"/>
      <c r="DN87" s="955"/>
      <c r="DO87" s="955"/>
      <c r="DP87" s="956"/>
      <c r="DQ87" s="954"/>
      <c r="DR87" s="955"/>
      <c r="DS87" s="955"/>
      <c r="DT87" s="955"/>
      <c r="DU87" s="956"/>
      <c r="DV87" s="951"/>
      <c r="DW87" s="952"/>
      <c r="DX87" s="952"/>
      <c r="DY87" s="952"/>
      <c r="DZ87" s="953"/>
      <c r="EA87" s="247"/>
    </row>
    <row r="88" spans="1:131" s="248" customFormat="1" ht="26.25" customHeight="1" thickBot="1" x14ac:dyDescent="0.25">
      <c r="A88" s="265" t="s">
        <v>
398</v>
      </c>
      <c r="B88" s="874" t="s">
        <v>
423</v>
      </c>
      <c r="C88" s="875"/>
      <c r="D88" s="875"/>
      <c r="E88" s="875"/>
      <c r="F88" s="875"/>
      <c r="G88" s="875"/>
      <c r="H88" s="875"/>
      <c r="I88" s="875"/>
      <c r="J88" s="875"/>
      <c r="K88" s="875"/>
      <c r="L88" s="875"/>
      <c r="M88" s="875"/>
      <c r="N88" s="875"/>
      <c r="O88" s="875"/>
      <c r="P88" s="876"/>
      <c r="Q88" s="932"/>
      <c r="R88" s="933"/>
      <c r="S88" s="933"/>
      <c r="T88" s="933"/>
      <c r="U88" s="933"/>
      <c r="V88" s="933"/>
      <c r="W88" s="933"/>
      <c r="X88" s="933"/>
      <c r="Y88" s="933"/>
      <c r="Z88" s="933"/>
      <c r="AA88" s="933"/>
      <c r="AB88" s="933"/>
      <c r="AC88" s="933"/>
      <c r="AD88" s="933"/>
      <c r="AE88" s="933"/>
      <c r="AF88" s="936">
        <v>
79825</v>
      </c>
      <c r="AG88" s="936"/>
      <c r="AH88" s="936"/>
      <c r="AI88" s="936"/>
      <c r="AJ88" s="936"/>
      <c r="AK88" s="933"/>
      <c r="AL88" s="933"/>
      <c r="AM88" s="933"/>
      <c r="AN88" s="933"/>
      <c r="AO88" s="933"/>
      <c r="AP88" s="936">
        <v>
50463</v>
      </c>
      <c r="AQ88" s="936"/>
      <c r="AR88" s="936"/>
      <c r="AS88" s="936"/>
      <c r="AT88" s="936"/>
      <c r="AU88" s="936">
        <v>
1524</v>
      </c>
      <c r="AV88" s="936"/>
      <c r="AW88" s="936"/>
      <c r="AX88" s="936"/>
      <c r="AY88" s="936"/>
      <c r="AZ88" s="941"/>
      <c r="BA88" s="941"/>
      <c r="BB88" s="941"/>
      <c r="BC88" s="941"/>
      <c r="BD88" s="942"/>
      <c r="BE88" s="266"/>
      <c r="BF88" s="266"/>
      <c r="BG88" s="266"/>
      <c r="BH88" s="266"/>
      <c r="BI88" s="266"/>
      <c r="BJ88" s="266"/>
      <c r="BK88" s="266"/>
      <c r="BL88" s="266"/>
      <c r="BM88" s="266"/>
      <c r="BN88" s="266"/>
      <c r="BO88" s="266"/>
      <c r="BP88" s="266"/>
      <c r="BQ88" s="263">
        <v>
82</v>
      </c>
      <c r="BR88" s="268"/>
      <c r="BS88" s="957"/>
      <c r="BT88" s="958"/>
      <c r="BU88" s="958"/>
      <c r="BV88" s="958"/>
      <c r="BW88" s="958"/>
      <c r="BX88" s="958"/>
      <c r="BY88" s="958"/>
      <c r="BZ88" s="958"/>
      <c r="CA88" s="958"/>
      <c r="CB88" s="958"/>
      <c r="CC88" s="958"/>
      <c r="CD88" s="958"/>
      <c r="CE88" s="958"/>
      <c r="CF88" s="958"/>
      <c r="CG88" s="959"/>
      <c r="CH88" s="954"/>
      <c r="CI88" s="955"/>
      <c r="CJ88" s="955"/>
      <c r="CK88" s="955"/>
      <c r="CL88" s="956"/>
      <c r="CM88" s="954"/>
      <c r="CN88" s="955"/>
      <c r="CO88" s="955"/>
      <c r="CP88" s="955"/>
      <c r="CQ88" s="956"/>
      <c r="CR88" s="954"/>
      <c r="CS88" s="955"/>
      <c r="CT88" s="955"/>
      <c r="CU88" s="955"/>
      <c r="CV88" s="956"/>
      <c r="CW88" s="954"/>
      <c r="CX88" s="955"/>
      <c r="CY88" s="955"/>
      <c r="CZ88" s="955"/>
      <c r="DA88" s="956"/>
      <c r="DB88" s="954"/>
      <c r="DC88" s="955"/>
      <c r="DD88" s="955"/>
      <c r="DE88" s="955"/>
      <c r="DF88" s="956"/>
      <c r="DG88" s="954"/>
      <c r="DH88" s="955"/>
      <c r="DI88" s="955"/>
      <c r="DJ88" s="955"/>
      <c r="DK88" s="956"/>
      <c r="DL88" s="954"/>
      <c r="DM88" s="955"/>
      <c r="DN88" s="955"/>
      <c r="DO88" s="955"/>
      <c r="DP88" s="956"/>
      <c r="DQ88" s="954"/>
      <c r="DR88" s="955"/>
      <c r="DS88" s="955"/>
      <c r="DT88" s="955"/>
      <c r="DU88" s="956"/>
      <c r="DV88" s="951"/>
      <c r="DW88" s="952"/>
      <c r="DX88" s="952"/>
      <c r="DY88" s="952"/>
      <c r="DZ88" s="953"/>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
83</v>
      </c>
      <c r="BR89" s="268"/>
      <c r="BS89" s="957"/>
      <c r="BT89" s="958"/>
      <c r="BU89" s="958"/>
      <c r="BV89" s="958"/>
      <c r="BW89" s="958"/>
      <c r="BX89" s="958"/>
      <c r="BY89" s="958"/>
      <c r="BZ89" s="958"/>
      <c r="CA89" s="958"/>
      <c r="CB89" s="958"/>
      <c r="CC89" s="958"/>
      <c r="CD89" s="958"/>
      <c r="CE89" s="958"/>
      <c r="CF89" s="958"/>
      <c r="CG89" s="959"/>
      <c r="CH89" s="954"/>
      <c r="CI89" s="955"/>
      <c r="CJ89" s="955"/>
      <c r="CK89" s="955"/>
      <c r="CL89" s="956"/>
      <c r="CM89" s="954"/>
      <c r="CN89" s="955"/>
      <c r="CO89" s="955"/>
      <c r="CP89" s="955"/>
      <c r="CQ89" s="956"/>
      <c r="CR89" s="954"/>
      <c r="CS89" s="955"/>
      <c r="CT89" s="955"/>
      <c r="CU89" s="955"/>
      <c r="CV89" s="956"/>
      <c r="CW89" s="954"/>
      <c r="CX89" s="955"/>
      <c r="CY89" s="955"/>
      <c r="CZ89" s="955"/>
      <c r="DA89" s="956"/>
      <c r="DB89" s="954"/>
      <c r="DC89" s="955"/>
      <c r="DD89" s="955"/>
      <c r="DE89" s="955"/>
      <c r="DF89" s="956"/>
      <c r="DG89" s="954"/>
      <c r="DH89" s="955"/>
      <c r="DI89" s="955"/>
      <c r="DJ89" s="955"/>
      <c r="DK89" s="956"/>
      <c r="DL89" s="954"/>
      <c r="DM89" s="955"/>
      <c r="DN89" s="955"/>
      <c r="DO89" s="955"/>
      <c r="DP89" s="956"/>
      <c r="DQ89" s="954"/>
      <c r="DR89" s="955"/>
      <c r="DS89" s="955"/>
      <c r="DT89" s="955"/>
      <c r="DU89" s="956"/>
      <c r="DV89" s="951"/>
      <c r="DW89" s="952"/>
      <c r="DX89" s="952"/>
      <c r="DY89" s="952"/>
      <c r="DZ89" s="953"/>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
84</v>
      </c>
      <c r="BR90" s="268"/>
      <c r="BS90" s="957"/>
      <c r="BT90" s="958"/>
      <c r="BU90" s="958"/>
      <c r="BV90" s="958"/>
      <c r="BW90" s="958"/>
      <c r="BX90" s="958"/>
      <c r="BY90" s="958"/>
      <c r="BZ90" s="958"/>
      <c r="CA90" s="958"/>
      <c r="CB90" s="958"/>
      <c r="CC90" s="958"/>
      <c r="CD90" s="958"/>
      <c r="CE90" s="958"/>
      <c r="CF90" s="958"/>
      <c r="CG90" s="959"/>
      <c r="CH90" s="954"/>
      <c r="CI90" s="955"/>
      <c r="CJ90" s="955"/>
      <c r="CK90" s="955"/>
      <c r="CL90" s="956"/>
      <c r="CM90" s="954"/>
      <c r="CN90" s="955"/>
      <c r="CO90" s="955"/>
      <c r="CP90" s="955"/>
      <c r="CQ90" s="956"/>
      <c r="CR90" s="954"/>
      <c r="CS90" s="955"/>
      <c r="CT90" s="955"/>
      <c r="CU90" s="955"/>
      <c r="CV90" s="956"/>
      <c r="CW90" s="954"/>
      <c r="CX90" s="955"/>
      <c r="CY90" s="955"/>
      <c r="CZ90" s="955"/>
      <c r="DA90" s="956"/>
      <c r="DB90" s="954"/>
      <c r="DC90" s="955"/>
      <c r="DD90" s="955"/>
      <c r="DE90" s="955"/>
      <c r="DF90" s="956"/>
      <c r="DG90" s="954"/>
      <c r="DH90" s="955"/>
      <c r="DI90" s="955"/>
      <c r="DJ90" s="955"/>
      <c r="DK90" s="956"/>
      <c r="DL90" s="954"/>
      <c r="DM90" s="955"/>
      <c r="DN90" s="955"/>
      <c r="DO90" s="955"/>
      <c r="DP90" s="956"/>
      <c r="DQ90" s="954"/>
      <c r="DR90" s="955"/>
      <c r="DS90" s="955"/>
      <c r="DT90" s="955"/>
      <c r="DU90" s="956"/>
      <c r="DV90" s="951"/>
      <c r="DW90" s="952"/>
      <c r="DX90" s="952"/>
      <c r="DY90" s="952"/>
      <c r="DZ90" s="953"/>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
85</v>
      </c>
      <c r="BR91" s="268"/>
      <c r="BS91" s="957"/>
      <c r="BT91" s="958"/>
      <c r="BU91" s="958"/>
      <c r="BV91" s="958"/>
      <c r="BW91" s="958"/>
      <c r="BX91" s="958"/>
      <c r="BY91" s="958"/>
      <c r="BZ91" s="958"/>
      <c r="CA91" s="958"/>
      <c r="CB91" s="958"/>
      <c r="CC91" s="958"/>
      <c r="CD91" s="958"/>
      <c r="CE91" s="958"/>
      <c r="CF91" s="958"/>
      <c r="CG91" s="959"/>
      <c r="CH91" s="954"/>
      <c r="CI91" s="955"/>
      <c r="CJ91" s="955"/>
      <c r="CK91" s="955"/>
      <c r="CL91" s="956"/>
      <c r="CM91" s="954"/>
      <c r="CN91" s="955"/>
      <c r="CO91" s="955"/>
      <c r="CP91" s="955"/>
      <c r="CQ91" s="956"/>
      <c r="CR91" s="954"/>
      <c r="CS91" s="955"/>
      <c r="CT91" s="955"/>
      <c r="CU91" s="955"/>
      <c r="CV91" s="956"/>
      <c r="CW91" s="954"/>
      <c r="CX91" s="955"/>
      <c r="CY91" s="955"/>
      <c r="CZ91" s="955"/>
      <c r="DA91" s="956"/>
      <c r="DB91" s="954"/>
      <c r="DC91" s="955"/>
      <c r="DD91" s="955"/>
      <c r="DE91" s="955"/>
      <c r="DF91" s="956"/>
      <c r="DG91" s="954"/>
      <c r="DH91" s="955"/>
      <c r="DI91" s="955"/>
      <c r="DJ91" s="955"/>
      <c r="DK91" s="956"/>
      <c r="DL91" s="954"/>
      <c r="DM91" s="955"/>
      <c r="DN91" s="955"/>
      <c r="DO91" s="955"/>
      <c r="DP91" s="956"/>
      <c r="DQ91" s="954"/>
      <c r="DR91" s="955"/>
      <c r="DS91" s="955"/>
      <c r="DT91" s="955"/>
      <c r="DU91" s="956"/>
      <c r="DV91" s="951"/>
      <c r="DW91" s="952"/>
      <c r="DX91" s="952"/>
      <c r="DY91" s="952"/>
      <c r="DZ91" s="953"/>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
86</v>
      </c>
      <c r="BR92" s="268"/>
      <c r="BS92" s="957"/>
      <c r="BT92" s="958"/>
      <c r="BU92" s="958"/>
      <c r="BV92" s="958"/>
      <c r="BW92" s="958"/>
      <c r="BX92" s="958"/>
      <c r="BY92" s="958"/>
      <c r="BZ92" s="958"/>
      <c r="CA92" s="958"/>
      <c r="CB92" s="958"/>
      <c r="CC92" s="958"/>
      <c r="CD92" s="958"/>
      <c r="CE92" s="958"/>
      <c r="CF92" s="958"/>
      <c r="CG92" s="959"/>
      <c r="CH92" s="954"/>
      <c r="CI92" s="955"/>
      <c r="CJ92" s="955"/>
      <c r="CK92" s="955"/>
      <c r="CL92" s="956"/>
      <c r="CM92" s="954"/>
      <c r="CN92" s="955"/>
      <c r="CO92" s="955"/>
      <c r="CP92" s="955"/>
      <c r="CQ92" s="956"/>
      <c r="CR92" s="954"/>
      <c r="CS92" s="955"/>
      <c r="CT92" s="955"/>
      <c r="CU92" s="955"/>
      <c r="CV92" s="956"/>
      <c r="CW92" s="954"/>
      <c r="CX92" s="955"/>
      <c r="CY92" s="955"/>
      <c r="CZ92" s="955"/>
      <c r="DA92" s="956"/>
      <c r="DB92" s="954"/>
      <c r="DC92" s="955"/>
      <c r="DD92" s="955"/>
      <c r="DE92" s="955"/>
      <c r="DF92" s="956"/>
      <c r="DG92" s="954"/>
      <c r="DH92" s="955"/>
      <c r="DI92" s="955"/>
      <c r="DJ92" s="955"/>
      <c r="DK92" s="956"/>
      <c r="DL92" s="954"/>
      <c r="DM92" s="955"/>
      <c r="DN92" s="955"/>
      <c r="DO92" s="955"/>
      <c r="DP92" s="956"/>
      <c r="DQ92" s="954"/>
      <c r="DR92" s="955"/>
      <c r="DS92" s="955"/>
      <c r="DT92" s="955"/>
      <c r="DU92" s="956"/>
      <c r="DV92" s="951"/>
      <c r="DW92" s="952"/>
      <c r="DX92" s="952"/>
      <c r="DY92" s="952"/>
      <c r="DZ92" s="953"/>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
87</v>
      </c>
      <c r="BR93" s="268"/>
      <c r="BS93" s="957"/>
      <c r="BT93" s="958"/>
      <c r="BU93" s="958"/>
      <c r="BV93" s="958"/>
      <c r="BW93" s="958"/>
      <c r="BX93" s="958"/>
      <c r="BY93" s="958"/>
      <c r="BZ93" s="958"/>
      <c r="CA93" s="958"/>
      <c r="CB93" s="958"/>
      <c r="CC93" s="958"/>
      <c r="CD93" s="958"/>
      <c r="CE93" s="958"/>
      <c r="CF93" s="958"/>
      <c r="CG93" s="959"/>
      <c r="CH93" s="954"/>
      <c r="CI93" s="955"/>
      <c r="CJ93" s="955"/>
      <c r="CK93" s="955"/>
      <c r="CL93" s="956"/>
      <c r="CM93" s="954"/>
      <c r="CN93" s="955"/>
      <c r="CO93" s="955"/>
      <c r="CP93" s="955"/>
      <c r="CQ93" s="956"/>
      <c r="CR93" s="954"/>
      <c r="CS93" s="955"/>
      <c r="CT93" s="955"/>
      <c r="CU93" s="955"/>
      <c r="CV93" s="956"/>
      <c r="CW93" s="954"/>
      <c r="CX93" s="955"/>
      <c r="CY93" s="955"/>
      <c r="CZ93" s="955"/>
      <c r="DA93" s="956"/>
      <c r="DB93" s="954"/>
      <c r="DC93" s="955"/>
      <c r="DD93" s="955"/>
      <c r="DE93" s="955"/>
      <c r="DF93" s="956"/>
      <c r="DG93" s="954"/>
      <c r="DH93" s="955"/>
      <c r="DI93" s="955"/>
      <c r="DJ93" s="955"/>
      <c r="DK93" s="956"/>
      <c r="DL93" s="954"/>
      <c r="DM93" s="955"/>
      <c r="DN93" s="955"/>
      <c r="DO93" s="955"/>
      <c r="DP93" s="956"/>
      <c r="DQ93" s="954"/>
      <c r="DR93" s="955"/>
      <c r="DS93" s="955"/>
      <c r="DT93" s="955"/>
      <c r="DU93" s="956"/>
      <c r="DV93" s="951"/>
      <c r="DW93" s="952"/>
      <c r="DX93" s="952"/>
      <c r="DY93" s="952"/>
      <c r="DZ93" s="953"/>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
88</v>
      </c>
      <c r="BR94" s="268"/>
      <c r="BS94" s="957"/>
      <c r="BT94" s="958"/>
      <c r="BU94" s="958"/>
      <c r="BV94" s="958"/>
      <c r="BW94" s="958"/>
      <c r="BX94" s="958"/>
      <c r="BY94" s="958"/>
      <c r="BZ94" s="958"/>
      <c r="CA94" s="958"/>
      <c r="CB94" s="958"/>
      <c r="CC94" s="958"/>
      <c r="CD94" s="958"/>
      <c r="CE94" s="958"/>
      <c r="CF94" s="958"/>
      <c r="CG94" s="959"/>
      <c r="CH94" s="954"/>
      <c r="CI94" s="955"/>
      <c r="CJ94" s="955"/>
      <c r="CK94" s="955"/>
      <c r="CL94" s="956"/>
      <c r="CM94" s="954"/>
      <c r="CN94" s="955"/>
      <c r="CO94" s="955"/>
      <c r="CP94" s="955"/>
      <c r="CQ94" s="956"/>
      <c r="CR94" s="954"/>
      <c r="CS94" s="955"/>
      <c r="CT94" s="955"/>
      <c r="CU94" s="955"/>
      <c r="CV94" s="956"/>
      <c r="CW94" s="954"/>
      <c r="CX94" s="955"/>
      <c r="CY94" s="955"/>
      <c r="CZ94" s="955"/>
      <c r="DA94" s="956"/>
      <c r="DB94" s="954"/>
      <c r="DC94" s="955"/>
      <c r="DD94" s="955"/>
      <c r="DE94" s="955"/>
      <c r="DF94" s="956"/>
      <c r="DG94" s="954"/>
      <c r="DH94" s="955"/>
      <c r="DI94" s="955"/>
      <c r="DJ94" s="955"/>
      <c r="DK94" s="956"/>
      <c r="DL94" s="954"/>
      <c r="DM94" s="955"/>
      <c r="DN94" s="955"/>
      <c r="DO94" s="955"/>
      <c r="DP94" s="956"/>
      <c r="DQ94" s="954"/>
      <c r="DR94" s="955"/>
      <c r="DS94" s="955"/>
      <c r="DT94" s="955"/>
      <c r="DU94" s="956"/>
      <c r="DV94" s="951"/>
      <c r="DW94" s="952"/>
      <c r="DX94" s="952"/>
      <c r="DY94" s="952"/>
      <c r="DZ94" s="953"/>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
89</v>
      </c>
      <c r="BR95" s="268"/>
      <c r="BS95" s="957"/>
      <c r="BT95" s="958"/>
      <c r="BU95" s="958"/>
      <c r="BV95" s="958"/>
      <c r="BW95" s="958"/>
      <c r="BX95" s="958"/>
      <c r="BY95" s="958"/>
      <c r="BZ95" s="958"/>
      <c r="CA95" s="958"/>
      <c r="CB95" s="958"/>
      <c r="CC95" s="958"/>
      <c r="CD95" s="958"/>
      <c r="CE95" s="958"/>
      <c r="CF95" s="958"/>
      <c r="CG95" s="959"/>
      <c r="CH95" s="954"/>
      <c r="CI95" s="955"/>
      <c r="CJ95" s="955"/>
      <c r="CK95" s="955"/>
      <c r="CL95" s="956"/>
      <c r="CM95" s="954"/>
      <c r="CN95" s="955"/>
      <c r="CO95" s="955"/>
      <c r="CP95" s="955"/>
      <c r="CQ95" s="956"/>
      <c r="CR95" s="954"/>
      <c r="CS95" s="955"/>
      <c r="CT95" s="955"/>
      <c r="CU95" s="955"/>
      <c r="CV95" s="956"/>
      <c r="CW95" s="954"/>
      <c r="CX95" s="955"/>
      <c r="CY95" s="955"/>
      <c r="CZ95" s="955"/>
      <c r="DA95" s="956"/>
      <c r="DB95" s="954"/>
      <c r="DC95" s="955"/>
      <c r="DD95" s="955"/>
      <c r="DE95" s="955"/>
      <c r="DF95" s="956"/>
      <c r="DG95" s="954"/>
      <c r="DH95" s="955"/>
      <c r="DI95" s="955"/>
      <c r="DJ95" s="955"/>
      <c r="DK95" s="956"/>
      <c r="DL95" s="954"/>
      <c r="DM95" s="955"/>
      <c r="DN95" s="955"/>
      <c r="DO95" s="955"/>
      <c r="DP95" s="956"/>
      <c r="DQ95" s="954"/>
      <c r="DR95" s="955"/>
      <c r="DS95" s="955"/>
      <c r="DT95" s="955"/>
      <c r="DU95" s="956"/>
      <c r="DV95" s="951"/>
      <c r="DW95" s="952"/>
      <c r="DX95" s="952"/>
      <c r="DY95" s="952"/>
      <c r="DZ95" s="953"/>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
90</v>
      </c>
      <c r="BR96" s="268"/>
      <c r="BS96" s="957"/>
      <c r="BT96" s="958"/>
      <c r="BU96" s="958"/>
      <c r="BV96" s="958"/>
      <c r="BW96" s="958"/>
      <c r="BX96" s="958"/>
      <c r="BY96" s="958"/>
      <c r="BZ96" s="958"/>
      <c r="CA96" s="958"/>
      <c r="CB96" s="958"/>
      <c r="CC96" s="958"/>
      <c r="CD96" s="958"/>
      <c r="CE96" s="958"/>
      <c r="CF96" s="958"/>
      <c r="CG96" s="959"/>
      <c r="CH96" s="954"/>
      <c r="CI96" s="955"/>
      <c r="CJ96" s="955"/>
      <c r="CK96" s="955"/>
      <c r="CL96" s="956"/>
      <c r="CM96" s="954"/>
      <c r="CN96" s="955"/>
      <c r="CO96" s="955"/>
      <c r="CP96" s="955"/>
      <c r="CQ96" s="956"/>
      <c r="CR96" s="954"/>
      <c r="CS96" s="955"/>
      <c r="CT96" s="955"/>
      <c r="CU96" s="955"/>
      <c r="CV96" s="956"/>
      <c r="CW96" s="954"/>
      <c r="CX96" s="955"/>
      <c r="CY96" s="955"/>
      <c r="CZ96" s="955"/>
      <c r="DA96" s="956"/>
      <c r="DB96" s="954"/>
      <c r="DC96" s="955"/>
      <c r="DD96" s="955"/>
      <c r="DE96" s="955"/>
      <c r="DF96" s="956"/>
      <c r="DG96" s="954"/>
      <c r="DH96" s="955"/>
      <c r="DI96" s="955"/>
      <c r="DJ96" s="955"/>
      <c r="DK96" s="956"/>
      <c r="DL96" s="954"/>
      <c r="DM96" s="955"/>
      <c r="DN96" s="955"/>
      <c r="DO96" s="955"/>
      <c r="DP96" s="956"/>
      <c r="DQ96" s="954"/>
      <c r="DR96" s="955"/>
      <c r="DS96" s="955"/>
      <c r="DT96" s="955"/>
      <c r="DU96" s="956"/>
      <c r="DV96" s="951"/>
      <c r="DW96" s="952"/>
      <c r="DX96" s="952"/>
      <c r="DY96" s="952"/>
      <c r="DZ96" s="953"/>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
91</v>
      </c>
      <c r="BR97" s="268"/>
      <c r="BS97" s="957"/>
      <c r="BT97" s="958"/>
      <c r="BU97" s="958"/>
      <c r="BV97" s="958"/>
      <c r="BW97" s="958"/>
      <c r="BX97" s="958"/>
      <c r="BY97" s="958"/>
      <c r="BZ97" s="958"/>
      <c r="CA97" s="958"/>
      <c r="CB97" s="958"/>
      <c r="CC97" s="958"/>
      <c r="CD97" s="958"/>
      <c r="CE97" s="958"/>
      <c r="CF97" s="958"/>
      <c r="CG97" s="959"/>
      <c r="CH97" s="954"/>
      <c r="CI97" s="955"/>
      <c r="CJ97" s="955"/>
      <c r="CK97" s="955"/>
      <c r="CL97" s="956"/>
      <c r="CM97" s="954"/>
      <c r="CN97" s="955"/>
      <c r="CO97" s="955"/>
      <c r="CP97" s="955"/>
      <c r="CQ97" s="956"/>
      <c r="CR97" s="954"/>
      <c r="CS97" s="955"/>
      <c r="CT97" s="955"/>
      <c r="CU97" s="955"/>
      <c r="CV97" s="956"/>
      <c r="CW97" s="954"/>
      <c r="CX97" s="955"/>
      <c r="CY97" s="955"/>
      <c r="CZ97" s="955"/>
      <c r="DA97" s="956"/>
      <c r="DB97" s="954"/>
      <c r="DC97" s="955"/>
      <c r="DD97" s="955"/>
      <c r="DE97" s="955"/>
      <c r="DF97" s="956"/>
      <c r="DG97" s="954"/>
      <c r="DH97" s="955"/>
      <c r="DI97" s="955"/>
      <c r="DJ97" s="955"/>
      <c r="DK97" s="956"/>
      <c r="DL97" s="954"/>
      <c r="DM97" s="955"/>
      <c r="DN97" s="955"/>
      <c r="DO97" s="955"/>
      <c r="DP97" s="956"/>
      <c r="DQ97" s="954"/>
      <c r="DR97" s="955"/>
      <c r="DS97" s="955"/>
      <c r="DT97" s="955"/>
      <c r="DU97" s="956"/>
      <c r="DV97" s="951"/>
      <c r="DW97" s="952"/>
      <c r="DX97" s="952"/>
      <c r="DY97" s="952"/>
      <c r="DZ97" s="953"/>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
92</v>
      </c>
      <c r="BR98" s="268"/>
      <c r="BS98" s="957"/>
      <c r="BT98" s="958"/>
      <c r="BU98" s="958"/>
      <c r="BV98" s="958"/>
      <c r="BW98" s="958"/>
      <c r="BX98" s="958"/>
      <c r="BY98" s="958"/>
      <c r="BZ98" s="958"/>
      <c r="CA98" s="958"/>
      <c r="CB98" s="958"/>
      <c r="CC98" s="958"/>
      <c r="CD98" s="958"/>
      <c r="CE98" s="958"/>
      <c r="CF98" s="958"/>
      <c r="CG98" s="959"/>
      <c r="CH98" s="954"/>
      <c r="CI98" s="955"/>
      <c r="CJ98" s="955"/>
      <c r="CK98" s="955"/>
      <c r="CL98" s="956"/>
      <c r="CM98" s="954"/>
      <c r="CN98" s="955"/>
      <c r="CO98" s="955"/>
      <c r="CP98" s="955"/>
      <c r="CQ98" s="956"/>
      <c r="CR98" s="954"/>
      <c r="CS98" s="955"/>
      <c r="CT98" s="955"/>
      <c r="CU98" s="955"/>
      <c r="CV98" s="956"/>
      <c r="CW98" s="954"/>
      <c r="CX98" s="955"/>
      <c r="CY98" s="955"/>
      <c r="CZ98" s="955"/>
      <c r="DA98" s="956"/>
      <c r="DB98" s="954"/>
      <c r="DC98" s="955"/>
      <c r="DD98" s="955"/>
      <c r="DE98" s="955"/>
      <c r="DF98" s="956"/>
      <c r="DG98" s="954"/>
      <c r="DH98" s="955"/>
      <c r="DI98" s="955"/>
      <c r="DJ98" s="955"/>
      <c r="DK98" s="956"/>
      <c r="DL98" s="954"/>
      <c r="DM98" s="955"/>
      <c r="DN98" s="955"/>
      <c r="DO98" s="955"/>
      <c r="DP98" s="956"/>
      <c r="DQ98" s="954"/>
      <c r="DR98" s="955"/>
      <c r="DS98" s="955"/>
      <c r="DT98" s="955"/>
      <c r="DU98" s="956"/>
      <c r="DV98" s="951"/>
      <c r="DW98" s="952"/>
      <c r="DX98" s="952"/>
      <c r="DY98" s="952"/>
      <c r="DZ98" s="953"/>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
93</v>
      </c>
      <c r="BR99" s="268"/>
      <c r="BS99" s="957"/>
      <c r="BT99" s="958"/>
      <c r="BU99" s="958"/>
      <c r="BV99" s="958"/>
      <c r="BW99" s="958"/>
      <c r="BX99" s="958"/>
      <c r="BY99" s="958"/>
      <c r="BZ99" s="958"/>
      <c r="CA99" s="958"/>
      <c r="CB99" s="958"/>
      <c r="CC99" s="958"/>
      <c r="CD99" s="958"/>
      <c r="CE99" s="958"/>
      <c r="CF99" s="958"/>
      <c r="CG99" s="959"/>
      <c r="CH99" s="954"/>
      <c r="CI99" s="955"/>
      <c r="CJ99" s="955"/>
      <c r="CK99" s="955"/>
      <c r="CL99" s="956"/>
      <c r="CM99" s="954"/>
      <c r="CN99" s="955"/>
      <c r="CO99" s="955"/>
      <c r="CP99" s="955"/>
      <c r="CQ99" s="956"/>
      <c r="CR99" s="954"/>
      <c r="CS99" s="955"/>
      <c r="CT99" s="955"/>
      <c r="CU99" s="955"/>
      <c r="CV99" s="956"/>
      <c r="CW99" s="954"/>
      <c r="CX99" s="955"/>
      <c r="CY99" s="955"/>
      <c r="CZ99" s="955"/>
      <c r="DA99" s="956"/>
      <c r="DB99" s="954"/>
      <c r="DC99" s="955"/>
      <c r="DD99" s="955"/>
      <c r="DE99" s="955"/>
      <c r="DF99" s="956"/>
      <c r="DG99" s="954"/>
      <c r="DH99" s="955"/>
      <c r="DI99" s="955"/>
      <c r="DJ99" s="955"/>
      <c r="DK99" s="956"/>
      <c r="DL99" s="954"/>
      <c r="DM99" s="955"/>
      <c r="DN99" s="955"/>
      <c r="DO99" s="955"/>
      <c r="DP99" s="956"/>
      <c r="DQ99" s="954"/>
      <c r="DR99" s="955"/>
      <c r="DS99" s="955"/>
      <c r="DT99" s="955"/>
      <c r="DU99" s="956"/>
      <c r="DV99" s="951"/>
      <c r="DW99" s="952"/>
      <c r="DX99" s="952"/>
      <c r="DY99" s="952"/>
      <c r="DZ99" s="953"/>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
94</v>
      </c>
      <c r="BR100" s="268"/>
      <c r="BS100" s="957"/>
      <c r="BT100" s="958"/>
      <c r="BU100" s="958"/>
      <c r="BV100" s="958"/>
      <c r="BW100" s="958"/>
      <c r="BX100" s="958"/>
      <c r="BY100" s="958"/>
      <c r="BZ100" s="958"/>
      <c r="CA100" s="958"/>
      <c r="CB100" s="958"/>
      <c r="CC100" s="958"/>
      <c r="CD100" s="958"/>
      <c r="CE100" s="958"/>
      <c r="CF100" s="958"/>
      <c r="CG100" s="959"/>
      <c r="CH100" s="954"/>
      <c r="CI100" s="955"/>
      <c r="CJ100" s="955"/>
      <c r="CK100" s="955"/>
      <c r="CL100" s="956"/>
      <c r="CM100" s="954"/>
      <c r="CN100" s="955"/>
      <c r="CO100" s="955"/>
      <c r="CP100" s="955"/>
      <c r="CQ100" s="956"/>
      <c r="CR100" s="954"/>
      <c r="CS100" s="955"/>
      <c r="CT100" s="955"/>
      <c r="CU100" s="955"/>
      <c r="CV100" s="956"/>
      <c r="CW100" s="954"/>
      <c r="CX100" s="955"/>
      <c r="CY100" s="955"/>
      <c r="CZ100" s="955"/>
      <c r="DA100" s="956"/>
      <c r="DB100" s="954"/>
      <c r="DC100" s="955"/>
      <c r="DD100" s="955"/>
      <c r="DE100" s="955"/>
      <c r="DF100" s="956"/>
      <c r="DG100" s="954"/>
      <c r="DH100" s="955"/>
      <c r="DI100" s="955"/>
      <c r="DJ100" s="955"/>
      <c r="DK100" s="956"/>
      <c r="DL100" s="954"/>
      <c r="DM100" s="955"/>
      <c r="DN100" s="955"/>
      <c r="DO100" s="955"/>
      <c r="DP100" s="956"/>
      <c r="DQ100" s="954"/>
      <c r="DR100" s="955"/>
      <c r="DS100" s="955"/>
      <c r="DT100" s="955"/>
      <c r="DU100" s="956"/>
      <c r="DV100" s="951"/>
      <c r="DW100" s="952"/>
      <c r="DX100" s="952"/>
      <c r="DY100" s="952"/>
      <c r="DZ100" s="953"/>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
95</v>
      </c>
      <c r="BR101" s="268"/>
      <c r="BS101" s="957"/>
      <c r="BT101" s="958"/>
      <c r="BU101" s="958"/>
      <c r="BV101" s="958"/>
      <c r="BW101" s="958"/>
      <c r="BX101" s="958"/>
      <c r="BY101" s="958"/>
      <c r="BZ101" s="958"/>
      <c r="CA101" s="958"/>
      <c r="CB101" s="958"/>
      <c r="CC101" s="958"/>
      <c r="CD101" s="958"/>
      <c r="CE101" s="958"/>
      <c r="CF101" s="958"/>
      <c r="CG101" s="959"/>
      <c r="CH101" s="954"/>
      <c r="CI101" s="955"/>
      <c r="CJ101" s="955"/>
      <c r="CK101" s="955"/>
      <c r="CL101" s="956"/>
      <c r="CM101" s="954"/>
      <c r="CN101" s="955"/>
      <c r="CO101" s="955"/>
      <c r="CP101" s="955"/>
      <c r="CQ101" s="956"/>
      <c r="CR101" s="954"/>
      <c r="CS101" s="955"/>
      <c r="CT101" s="955"/>
      <c r="CU101" s="955"/>
      <c r="CV101" s="956"/>
      <c r="CW101" s="954"/>
      <c r="CX101" s="955"/>
      <c r="CY101" s="955"/>
      <c r="CZ101" s="955"/>
      <c r="DA101" s="956"/>
      <c r="DB101" s="954"/>
      <c r="DC101" s="955"/>
      <c r="DD101" s="955"/>
      <c r="DE101" s="955"/>
      <c r="DF101" s="956"/>
      <c r="DG101" s="954"/>
      <c r="DH101" s="955"/>
      <c r="DI101" s="955"/>
      <c r="DJ101" s="955"/>
      <c r="DK101" s="956"/>
      <c r="DL101" s="954"/>
      <c r="DM101" s="955"/>
      <c r="DN101" s="955"/>
      <c r="DO101" s="955"/>
      <c r="DP101" s="956"/>
      <c r="DQ101" s="954"/>
      <c r="DR101" s="955"/>
      <c r="DS101" s="955"/>
      <c r="DT101" s="955"/>
      <c r="DU101" s="956"/>
      <c r="DV101" s="951"/>
      <c r="DW101" s="952"/>
      <c r="DX101" s="952"/>
      <c r="DY101" s="952"/>
      <c r="DZ101" s="953"/>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
398</v>
      </c>
      <c r="BR102" s="874" t="s">
        <v>
424</v>
      </c>
      <c r="BS102" s="875"/>
      <c r="BT102" s="875"/>
      <c r="BU102" s="875"/>
      <c r="BV102" s="875"/>
      <c r="BW102" s="875"/>
      <c r="BX102" s="875"/>
      <c r="BY102" s="875"/>
      <c r="BZ102" s="875"/>
      <c r="CA102" s="875"/>
      <c r="CB102" s="875"/>
      <c r="CC102" s="875"/>
      <c r="CD102" s="875"/>
      <c r="CE102" s="875"/>
      <c r="CF102" s="875"/>
      <c r="CG102" s="876"/>
      <c r="CH102" s="981"/>
      <c r="CI102" s="982"/>
      <c r="CJ102" s="982"/>
      <c r="CK102" s="982"/>
      <c r="CL102" s="983"/>
      <c r="CM102" s="981"/>
      <c r="CN102" s="982"/>
      <c r="CO102" s="982"/>
      <c r="CP102" s="982"/>
      <c r="CQ102" s="983"/>
      <c r="CR102" s="984">
        <v>
813</v>
      </c>
      <c r="CS102" s="944"/>
      <c r="CT102" s="944"/>
      <c r="CU102" s="944"/>
      <c r="CV102" s="985"/>
      <c r="CW102" s="984">
        <v>
879</v>
      </c>
      <c r="CX102" s="944"/>
      <c r="CY102" s="944"/>
      <c r="CZ102" s="944"/>
      <c r="DA102" s="985"/>
      <c r="DB102" s="984"/>
      <c r="DC102" s="944"/>
      <c r="DD102" s="944"/>
      <c r="DE102" s="944"/>
      <c r="DF102" s="985"/>
      <c r="DG102" s="984"/>
      <c r="DH102" s="944"/>
      <c r="DI102" s="944"/>
      <c r="DJ102" s="944"/>
      <c r="DK102" s="985"/>
      <c r="DL102" s="984"/>
      <c r="DM102" s="944"/>
      <c r="DN102" s="944"/>
      <c r="DO102" s="944"/>
      <c r="DP102" s="985"/>
      <c r="DQ102" s="984"/>
      <c r="DR102" s="944"/>
      <c r="DS102" s="944"/>
      <c r="DT102" s="944"/>
      <c r="DU102" s="985"/>
      <c r="DV102" s="1008"/>
      <c r="DW102" s="1009"/>
      <c r="DX102" s="1009"/>
      <c r="DY102" s="1009"/>
      <c r="DZ102" s="1010"/>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11" t="s">
        <v>
425</v>
      </c>
      <c r="BR103" s="1011"/>
      <c r="BS103" s="1011"/>
      <c r="BT103" s="1011"/>
      <c r="BU103" s="1011"/>
      <c r="BV103" s="1011"/>
      <c r="BW103" s="1011"/>
      <c r="BX103" s="1011"/>
      <c r="BY103" s="1011"/>
      <c r="BZ103" s="1011"/>
      <c r="CA103" s="1011"/>
      <c r="CB103" s="1011"/>
      <c r="CC103" s="1011"/>
      <c r="CD103" s="1011"/>
      <c r="CE103" s="1011"/>
      <c r="CF103" s="1011"/>
      <c r="CG103" s="1011"/>
      <c r="CH103" s="1011"/>
      <c r="CI103" s="1011"/>
      <c r="CJ103" s="1011"/>
      <c r="CK103" s="1011"/>
      <c r="CL103" s="1011"/>
      <c r="CM103" s="1011"/>
      <c r="CN103" s="1011"/>
      <c r="CO103" s="1011"/>
      <c r="CP103" s="1011"/>
      <c r="CQ103" s="1011"/>
      <c r="CR103" s="1011"/>
      <c r="CS103" s="1011"/>
      <c r="CT103" s="1011"/>
      <c r="CU103" s="1011"/>
      <c r="CV103" s="1011"/>
      <c r="CW103" s="1011"/>
      <c r="CX103" s="1011"/>
      <c r="CY103" s="1011"/>
      <c r="CZ103" s="1011"/>
      <c r="DA103" s="1011"/>
      <c r="DB103" s="1011"/>
      <c r="DC103" s="1011"/>
      <c r="DD103" s="1011"/>
      <c r="DE103" s="1011"/>
      <c r="DF103" s="1011"/>
      <c r="DG103" s="1011"/>
      <c r="DH103" s="1011"/>
      <c r="DI103" s="1011"/>
      <c r="DJ103" s="1011"/>
      <c r="DK103" s="1011"/>
      <c r="DL103" s="1011"/>
      <c r="DM103" s="1011"/>
      <c r="DN103" s="1011"/>
      <c r="DO103" s="1011"/>
      <c r="DP103" s="1011"/>
      <c r="DQ103" s="1011"/>
      <c r="DR103" s="1011"/>
      <c r="DS103" s="1011"/>
      <c r="DT103" s="1011"/>
      <c r="DU103" s="1011"/>
      <c r="DV103" s="1011"/>
      <c r="DW103" s="1011"/>
      <c r="DX103" s="1011"/>
      <c r="DY103" s="1011"/>
      <c r="DZ103" s="1011"/>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12" t="s">
        <v>
426</v>
      </c>
      <c r="BR104" s="1012"/>
      <c r="BS104" s="1012"/>
      <c r="BT104" s="1012"/>
      <c r="BU104" s="1012"/>
      <c r="BV104" s="1012"/>
      <c r="BW104" s="1012"/>
      <c r="BX104" s="1012"/>
      <c r="BY104" s="1012"/>
      <c r="BZ104" s="1012"/>
      <c r="CA104" s="1012"/>
      <c r="CB104" s="1012"/>
      <c r="CC104" s="1012"/>
      <c r="CD104" s="1012"/>
      <c r="CE104" s="1012"/>
      <c r="CF104" s="1012"/>
      <c r="CG104" s="1012"/>
      <c r="CH104" s="1012"/>
      <c r="CI104" s="1012"/>
      <c r="CJ104" s="1012"/>
      <c r="CK104" s="1012"/>
      <c r="CL104" s="1012"/>
      <c r="CM104" s="1012"/>
      <c r="CN104" s="1012"/>
      <c r="CO104" s="1012"/>
      <c r="CP104" s="1012"/>
      <c r="CQ104" s="1012"/>
      <c r="CR104" s="1012"/>
      <c r="CS104" s="1012"/>
      <c r="CT104" s="1012"/>
      <c r="CU104" s="1012"/>
      <c r="CV104" s="1012"/>
      <c r="CW104" s="1012"/>
      <c r="CX104" s="1012"/>
      <c r="CY104" s="1012"/>
      <c r="CZ104" s="1012"/>
      <c r="DA104" s="1012"/>
      <c r="DB104" s="1012"/>
      <c r="DC104" s="1012"/>
      <c r="DD104" s="1012"/>
      <c r="DE104" s="1012"/>
      <c r="DF104" s="1012"/>
      <c r="DG104" s="1012"/>
      <c r="DH104" s="1012"/>
      <c r="DI104" s="1012"/>
      <c r="DJ104" s="1012"/>
      <c r="DK104" s="1012"/>
      <c r="DL104" s="1012"/>
      <c r="DM104" s="1012"/>
      <c r="DN104" s="1012"/>
      <c r="DO104" s="1012"/>
      <c r="DP104" s="1012"/>
      <c r="DQ104" s="1012"/>
      <c r="DR104" s="1012"/>
      <c r="DS104" s="1012"/>
      <c r="DT104" s="1012"/>
      <c r="DU104" s="1012"/>
      <c r="DV104" s="1012"/>
      <c r="DW104" s="1012"/>
      <c r="DX104" s="1012"/>
      <c r="DY104" s="1012"/>
      <c r="DZ104" s="1012"/>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
427</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
428</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13" t="s">
        <v>
429</v>
      </c>
      <c r="B108" s="1014"/>
      <c r="C108" s="1014"/>
      <c r="D108" s="1014"/>
      <c r="E108" s="1014"/>
      <c r="F108" s="1014"/>
      <c r="G108" s="1014"/>
      <c r="H108" s="1014"/>
      <c r="I108" s="1014"/>
      <c r="J108" s="1014"/>
      <c r="K108" s="1014"/>
      <c r="L108" s="1014"/>
      <c r="M108" s="1014"/>
      <c r="N108" s="1014"/>
      <c r="O108" s="1014"/>
      <c r="P108" s="1014"/>
      <c r="Q108" s="1014"/>
      <c r="R108" s="1014"/>
      <c r="S108" s="1014"/>
      <c r="T108" s="1014"/>
      <c r="U108" s="1014"/>
      <c r="V108" s="1014"/>
      <c r="W108" s="1014"/>
      <c r="X108" s="1014"/>
      <c r="Y108" s="1014"/>
      <c r="Z108" s="1014"/>
      <c r="AA108" s="1014"/>
      <c r="AB108" s="1014"/>
      <c r="AC108" s="1014"/>
      <c r="AD108" s="1014"/>
      <c r="AE108" s="1014"/>
      <c r="AF108" s="1014"/>
      <c r="AG108" s="1014"/>
      <c r="AH108" s="1014"/>
      <c r="AI108" s="1014"/>
      <c r="AJ108" s="1014"/>
      <c r="AK108" s="1014"/>
      <c r="AL108" s="1014"/>
      <c r="AM108" s="1014"/>
      <c r="AN108" s="1014"/>
      <c r="AO108" s="1014"/>
      <c r="AP108" s="1014"/>
      <c r="AQ108" s="1014"/>
      <c r="AR108" s="1014"/>
      <c r="AS108" s="1014"/>
      <c r="AT108" s="1015"/>
      <c r="AU108" s="1013" t="s">
        <v>
430</v>
      </c>
      <c r="AV108" s="1014"/>
      <c r="AW108" s="1014"/>
      <c r="AX108" s="1014"/>
      <c r="AY108" s="1014"/>
      <c r="AZ108" s="1014"/>
      <c r="BA108" s="1014"/>
      <c r="BB108" s="1014"/>
      <c r="BC108" s="1014"/>
      <c r="BD108" s="1014"/>
      <c r="BE108" s="1014"/>
      <c r="BF108" s="1014"/>
      <c r="BG108" s="1014"/>
      <c r="BH108" s="1014"/>
      <c r="BI108" s="1014"/>
      <c r="BJ108" s="1014"/>
      <c r="BK108" s="1014"/>
      <c r="BL108" s="1014"/>
      <c r="BM108" s="1014"/>
      <c r="BN108" s="1014"/>
      <c r="BO108" s="1014"/>
      <c r="BP108" s="1014"/>
      <c r="BQ108" s="1014"/>
      <c r="BR108" s="1014"/>
      <c r="BS108" s="1014"/>
      <c r="BT108" s="1014"/>
      <c r="BU108" s="1014"/>
      <c r="BV108" s="1014"/>
      <c r="BW108" s="1014"/>
      <c r="BX108" s="1014"/>
      <c r="BY108" s="1014"/>
      <c r="BZ108" s="1014"/>
      <c r="CA108" s="1014"/>
      <c r="CB108" s="1014"/>
      <c r="CC108" s="1014"/>
      <c r="CD108" s="1014"/>
      <c r="CE108" s="1014"/>
      <c r="CF108" s="1014"/>
      <c r="CG108" s="1014"/>
      <c r="CH108" s="1014"/>
      <c r="CI108" s="1014"/>
      <c r="CJ108" s="1014"/>
      <c r="CK108" s="1014"/>
      <c r="CL108" s="1014"/>
      <c r="CM108" s="1014"/>
      <c r="CN108" s="1014"/>
      <c r="CO108" s="1014"/>
      <c r="CP108" s="1014"/>
      <c r="CQ108" s="1014"/>
      <c r="CR108" s="1014"/>
      <c r="CS108" s="1014"/>
      <c r="CT108" s="1014"/>
      <c r="CU108" s="1014"/>
      <c r="CV108" s="1014"/>
      <c r="CW108" s="1014"/>
      <c r="CX108" s="1014"/>
      <c r="CY108" s="1014"/>
      <c r="CZ108" s="1014"/>
      <c r="DA108" s="1014"/>
      <c r="DB108" s="1014"/>
      <c r="DC108" s="1014"/>
      <c r="DD108" s="1014"/>
      <c r="DE108" s="1014"/>
      <c r="DF108" s="1014"/>
      <c r="DG108" s="1014"/>
      <c r="DH108" s="1014"/>
      <c r="DI108" s="1014"/>
      <c r="DJ108" s="1014"/>
      <c r="DK108" s="1014"/>
      <c r="DL108" s="1014"/>
      <c r="DM108" s="1014"/>
      <c r="DN108" s="1014"/>
      <c r="DO108" s="1014"/>
      <c r="DP108" s="1014"/>
      <c r="DQ108" s="1014"/>
      <c r="DR108" s="1014"/>
      <c r="DS108" s="1014"/>
      <c r="DT108" s="1014"/>
      <c r="DU108" s="1014"/>
      <c r="DV108" s="1014"/>
      <c r="DW108" s="1014"/>
      <c r="DX108" s="1014"/>
      <c r="DY108" s="1014"/>
      <c r="DZ108" s="1015"/>
    </row>
    <row r="109" spans="1:131" s="247" customFormat="1" ht="26.25" customHeight="1" x14ac:dyDescent="0.2">
      <c r="A109" s="1006" t="s">
        <v>
431</v>
      </c>
      <c r="B109" s="987"/>
      <c r="C109" s="987"/>
      <c r="D109" s="987"/>
      <c r="E109" s="987"/>
      <c r="F109" s="987"/>
      <c r="G109" s="987"/>
      <c r="H109" s="987"/>
      <c r="I109" s="987"/>
      <c r="J109" s="987"/>
      <c r="K109" s="987"/>
      <c r="L109" s="987"/>
      <c r="M109" s="987"/>
      <c r="N109" s="987"/>
      <c r="O109" s="987"/>
      <c r="P109" s="987"/>
      <c r="Q109" s="987"/>
      <c r="R109" s="987"/>
      <c r="S109" s="987"/>
      <c r="T109" s="987"/>
      <c r="U109" s="987"/>
      <c r="V109" s="987"/>
      <c r="W109" s="987"/>
      <c r="X109" s="987"/>
      <c r="Y109" s="987"/>
      <c r="Z109" s="988"/>
      <c r="AA109" s="986" t="s">
        <v>
432</v>
      </c>
      <c r="AB109" s="987"/>
      <c r="AC109" s="987"/>
      <c r="AD109" s="987"/>
      <c r="AE109" s="988"/>
      <c r="AF109" s="986" t="s">
        <v>
316</v>
      </c>
      <c r="AG109" s="987"/>
      <c r="AH109" s="987"/>
      <c r="AI109" s="987"/>
      <c r="AJ109" s="988"/>
      <c r="AK109" s="986" t="s">
        <v>
315</v>
      </c>
      <c r="AL109" s="987"/>
      <c r="AM109" s="987"/>
      <c r="AN109" s="987"/>
      <c r="AO109" s="988"/>
      <c r="AP109" s="986" t="s">
        <v>
433</v>
      </c>
      <c r="AQ109" s="987"/>
      <c r="AR109" s="987"/>
      <c r="AS109" s="987"/>
      <c r="AT109" s="989"/>
      <c r="AU109" s="1006" t="s">
        <v>
431</v>
      </c>
      <c r="AV109" s="987"/>
      <c r="AW109" s="987"/>
      <c r="AX109" s="987"/>
      <c r="AY109" s="987"/>
      <c r="AZ109" s="987"/>
      <c r="BA109" s="987"/>
      <c r="BB109" s="987"/>
      <c r="BC109" s="987"/>
      <c r="BD109" s="987"/>
      <c r="BE109" s="987"/>
      <c r="BF109" s="987"/>
      <c r="BG109" s="987"/>
      <c r="BH109" s="987"/>
      <c r="BI109" s="987"/>
      <c r="BJ109" s="987"/>
      <c r="BK109" s="987"/>
      <c r="BL109" s="987"/>
      <c r="BM109" s="987"/>
      <c r="BN109" s="987"/>
      <c r="BO109" s="987"/>
      <c r="BP109" s="988"/>
      <c r="BQ109" s="986" t="s">
        <v>
432</v>
      </c>
      <c r="BR109" s="987"/>
      <c r="BS109" s="987"/>
      <c r="BT109" s="987"/>
      <c r="BU109" s="988"/>
      <c r="BV109" s="986" t="s">
        <v>
316</v>
      </c>
      <c r="BW109" s="987"/>
      <c r="BX109" s="987"/>
      <c r="BY109" s="987"/>
      <c r="BZ109" s="988"/>
      <c r="CA109" s="986" t="s">
        <v>
315</v>
      </c>
      <c r="CB109" s="987"/>
      <c r="CC109" s="987"/>
      <c r="CD109" s="987"/>
      <c r="CE109" s="988"/>
      <c r="CF109" s="1007" t="s">
        <v>
433</v>
      </c>
      <c r="CG109" s="1007"/>
      <c r="CH109" s="1007"/>
      <c r="CI109" s="1007"/>
      <c r="CJ109" s="1007"/>
      <c r="CK109" s="986" t="s">
        <v>
434</v>
      </c>
      <c r="CL109" s="987"/>
      <c r="CM109" s="987"/>
      <c r="CN109" s="987"/>
      <c r="CO109" s="987"/>
      <c r="CP109" s="987"/>
      <c r="CQ109" s="987"/>
      <c r="CR109" s="987"/>
      <c r="CS109" s="987"/>
      <c r="CT109" s="987"/>
      <c r="CU109" s="987"/>
      <c r="CV109" s="987"/>
      <c r="CW109" s="987"/>
      <c r="CX109" s="987"/>
      <c r="CY109" s="987"/>
      <c r="CZ109" s="987"/>
      <c r="DA109" s="987"/>
      <c r="DB109" s="987"/>
      <c r="DC109" s="987"/>
      <c r="DD109" s="987"/>
      <c r="DE109" s="987"/>
      <c r="DF109" s="988"/>
      <c r="DG109" s="986" t="s">
        <v>
432</v>
      </c>
      <c r="DH109" s="987"/>
      <c r="DI109" s="987"/>
      <c r="DJ109" s="987"/>
      <c r="DK109" s="988"/>
      <c r="DL109" s="986" t="s">
        <v>
316</v>
      </c>
      <c r="DM109" s="987"/>
      <c r="DN109" s="987"/>
      <c r="DO109" s="987"/>
      <c r="DP109" s="988"/>
      <c r="DQ109" s="986" t="s">
        <v>
315</v>
      </c>
      <c r="DR109" s="987"/>
      <c r="DS109" s="987"/>
      <c r="DT109" s="987"/>
      <c r="DU109" s="988"/>
      <c r="DV109" s="986" t="s">
        <v>
433</v>
      </c>
      <c r="DW109" s="987"/>
      <c r="DX109" s="987"/>
      <c r="DY109" s="987"/>
      <c r="DZ109" s="989"/>
    </row>
    <row r="110" spans="1:131" s="247" customFormat="1" ht="26.25" customHeight="1" x14ac:dyDescent="0.2">
      <c r="A110" s="990" t="s">
        <v>
435</v>
      </c>
      <c r="B110" s="991"/>
      <c r="C110" s="991"/>
      <c r="D110" s="991"/>
      <c r="E110" s="991"/>
      <c r="F110" s="991"/>
      <c r="G110" s="991"/>
      <c r="H110" s="991"/>
      <c r="I110" s="991"/>
      <c r="J110" s="991"/>
      <c r="K110" s="991"/>
      <c r="L110" s="991"/>
      <c r="M110" s="991"/>
      <c r="N110" s="991"/>
      <c r="O110" s="991"/>
      <c r="P110" s="991"/>
      <c r="Q110" s="991"/>
      <c r="R110" s="991"/>
      <c r="S110" s="991"/>
      <c r="T110" s="991"/>
      <c r="U110" s="991"/>
      <c r="V110" s="991"/>
      <c r="W110" s="991"/>
      <c r="X110" s="991"/>
      <c r="Y110" s="991"/>
      <c r="Z110" s="992"/>
      <c r="AA110" s="993">
        <v>
2276791</v>
      </c>
      <c r="AB110" s="994"/>
      <c r="AC110" s="994"/>
      <c r="AD110" s="994"/>
      <c r="AE110" s="995"/>
      <c r="AF110" s="996">
        <v>
2040613</v>
      </c>
      <c r="AG110" s="994"/>
      <c r="AH110" s="994"/>
      <c r="AI110" s="994"/>
      <c r="AJ110" s="995"/>
      <c r="AK110" s="996">
        <v>
2275231</v>
      </c>
      <c r="AL110" s="994"/>
      <c r="AM110" s="994"/>
      <c r="AN110" s="994"/>
      <c r="AO110" s="995"/>
      <c r="AP110" s="997">
        <v>
2.7</v>
      </c>
      <c r="AQ110" s="998"/>
      <c r="AR110" s="998"/>
      <c r="AS110" s="998"/>
      <c r="AT110" s="999"/>
      <c r="AU110" s="1000" t="s">
        <v>
73</v>
      </c>
      <c r="AV110" s="1001"/>
      <c r="AW110" s="1001"/>
      <c r="AX110" s="1001"/>
      <c r="AY110" s="1001"/>
      <c r="AZ110" s="1042" t="s">
        <v>
436</v>
      </c>
      <c r="BA110" s="991"/>
      <c r="BB110" s="991"/>
      <c r="BC110" s="991"/>
      <c r="BD110" s="991"/>
      <c r="BE110" s="991"/>
      <c r="BF110" s="991"/>
      <c r="BG110" s="991"/>
      <c r="BH110" s="991"/>
      <c r="BI110" s="991"/>
      <c r="BJ110" s="991"/>
      <c r="BK110" s="991"/>
      <c r="BL110" s="991"/>
      <c r="BM110" s="991"/>
      <c r="BN110" s="991"/>
      <c r="BO110" s="991"/>
      <c r="BP110" s="992"/>
      <c r="BQ110" s="1028">
        <v>
20916576</v>
      </c>
      <c r="BR110" s="1029"/>
      <c r="BS110" s="1029"/>
      <c r="BT110" s="1029"/>
      <c r="BU110" s="1029"/>
      <c r="BV110" s="1029">
        <v>
19947098</v>
      </c>
      <c r="BW110" s="1029"/>
      <c r="BX110" s="1029"/>
      <c r="BY110" s="1029"/>
      <c r="BZ110" s="1029"/>
      <c r="CA110" s="1029">
        <v>
18638011</v>
      </c>
      <c r="CB110" s="1029"/>
      <c r="CC110" s="1029"/>
      <c r="CD110" s="1029"/>
      <c r="CE110" s="1029"/>
      <c r="CF110" s="1043">
        <v>
21.9</v>
      </c>
      <c r="CG110" s="1044"/>
      <c r="CH110" s="1044"/>
      <c r="CI110" s="1044"/>
      <c r="CJ110" s="1044"/>
      <c r="CK110" s="1045" t="s">
        <v>
437</v>
      </c>
      <c r="CL110" s="1046"/>
      <c r="CM110" s="1025" t="s">
        <v>
438</v>
      </c>
      <c r="CN110" s="1026"/>
      <c r="CO110" s="1026"/>
      <c r="CP110" s="1026"/>
      <c r="CQ110" s="1026"/>
      <c r="CR110" s="1026"/>
      <c r="CS110" s="1026"/>
      <c r="CT110" s="1026"/>
      <c r="CU110" s="1026"/>
      <c r="CV110" s="1026"/>
      <c r="CW110" s="1026"/>
      <c r="CX110" s="1026"/>
      <c r="CY110" s="1026"/>
      <c r="CZ110" s="1026"/>
      <c r="DA110" s="1026"/>
      <c r="DB110" s="1026"/>
      <c r="DC110" s="1026"/>
      <c r="DD110" s="1026"/>
      <c r="DE110" s="1026"/>
      <c r="DF110" s="1027"/>
      <c r="DG110" s="1028" t="s">
        <v>
178</v>
      </c>
      <c r="DH110" s="1029"/>
      <c r="DI110" s="1029"/>
      <c r="DJ110" s="1029"/>
      <c r="DK110" s="1029"/>
      <c r="DL110" s="1029" t="s">
        <v>
178</v>
      </c>
      <c r="DM110" s="1029"/>
      <c r="DN110" s="1029"/>
      <c r="DO110" s="1029"/>
      <c r="DP110" s="1029"/>
      <c r="DQ110" s="1029" t="s">
        <v>
178</v>
      </c>
      <c r="DR110" s="1029"/>
      <c r="DS110" s="1029"/>
      <c r="DT110" s="1029"/>
      <c r="DU110" s="1029"/>
      <c r="DV110" s="1030" t="s">
        <v>
178</v>
      </c>
      <c r="DW110" s="1030"/>
      <c r="DX110" s="1030"/>
      <c r="DY110" s="1030"/>
      <c r="DZ110" s="1031"/>
    </row>
    <row r="111" spans="1:131" s="247" customFormat="1" ht="26.25" customHeight="1" x14ac:dyDescent="0.2">
      <c r="A111" s="1032" t="s">
        <v>
439</v>
      </c>
      <c r="B111" s="1033"/>
      <c r="C111" s="1033"/>
      <c r="D111" s="1033"/>
      <c r="E111" s="1033"/>
      <c r="F111" s="1033"/>
      <c r="G111" s="1033"/>
      <c r="H111" s="1033"/>
      <c r="I111" s="1033"/>
      <c r="J111" s="1033"/>
      <c r="K111" s="1033"/>
      <c r="L111" s="1033"/>
      <c r="M111" s="1033"/>
      <c r="N111" s="1033"/>
      <c r="O111" s="1033"/>
      <c r="P111" s="1033"/>
      <c r="Q111" s="1033"/>
      <c r="R111" s="1033"/>
      <c r="S111" s="1033"/>
      <c r="T111" s="1033"/>
      <c r="U111" s="1033"/>
      <c r="V111" s="1033"/>
      <c r="W111" s="1033"/>
      <c r="X111" s="1033"/>
      <c r="Y111" s="1033"/>
      <c r="Z111" s="1034"/>
      <c r="AA111" s="1035" t="s">
        <v>
178</v>
      </c>
      <c r="AB111" s="1036"/>
      <c r="AC111" s="1036"/>
      <c r="AD111" s="1036"/>
      <c r="AE111" s="1037"/>
      <c r="AF111" s="1038" t="s">
        <v>
178</v>
      </c>
      <c r="AG111" s="1036"/>
      <c r="AH111" s="1036"/>
      <c r="AI111" s="1036"/>
      <c r="AJ111" s="1037"/>
      <c r="AK111" s="1038" t="s">
        <v>
178</v>
      </c>
      <c r="AL111" s="1036"/>
      <c r="AM111" s="1036"/>
      <c r="AN111" s="1036"/>
      <c r="AO111" s="1037"/>
      <c r="AP111" s="1039" t="s">
        <v>
178</v>
      </c>
      <c r="AQ111" s="1040"/>
      <c r="AR111" s="1040"/>
      <c r="AS111" s="1040"/>
      <c r="AT111" s="1041"/>
      <c r="AU111" s="1002"/>
      <c r="AV111" s="1003"/>
      <c r="AW111" s="1003"/>
      <c r="AX111" s="1003"/>
      <c r="AY111" s="1003"/>
      <c r="AZ111" s="1051" t="s">
        <v>
440</v>
      </c>
      <c r="BA111" s="1052"/>
      <c r="BB111" s="1052"/>
      <c r="BC111" s="1052"/>
      <c r="BD111" s="1052"/>
      <c r="BE111" s="1052"/>
      <c r="BF111" s="1052"/>
      <c r="BG111" s="1052"/>
      <c r="BH111" s="1052"/>
      <c r="BI111" s="1052"/>
      <c r="BJ111" s="1052"/>
      <c r="BK111" s="1052"/>
      <c r="BL111" s="1052"/>
      <c r="BM111" s="1052"/>
      <c r="BN111" s="1052"/>
      <c r="BO111" s="1052"/>
      <c r="BP111" s="1053"/>
      <c r="BQ111" s="1021">
        <v>
200239</v>
      </c>
      <c r="BR111" s="1022"/>
      <c r="BS111" s="1022"/>
      <c r="BT111" s="1022"/>
      <c r="BU111" s="1022"/>
      <c r="BV111" s="1022">
        <v>
32000</v>
      </c>
      <c r="BW111" s="1022"/>
      <c r="BX111" s="1022"/>
      <c r="BY111" s="1022"/>
      <c r="BZ111" s="1022"/>
      <c r="CA111" s="1022" t="s">
        <v>
178</v>
      </c>
      <c r="CB111" s="1022"/>
      <c r="CC111" s="1022"/>
      <c r="CD111" s="1022"/>
      <c r="CE111" s="1022"/>
      <c r="CF111" s="1016" t="s">
        <v>
178</v>
      </c>
      <c r="CG111" s="1017"/>
      <c r="CH111" s="1017"/>
      <c r="CI111" s="1017"/>
      <c r="CJ111" s="1017"/>
      <c r="CK111" s="1047"/>
      <c r="CL111" s="1048"/>
      <c r="CM111" s="1018" t="s">
        <v>
441</v>
      </c>
      <c r="CN111" s="1019"/>
      <c r="CO111" s="1019"/>
      <c r="CP111" s="1019"/>
      <c r="CQ111" s="1019"/>
      <c r="CR111" s="1019"/>
      <c r="CS111" s="1019"/>
      <c r="CT111" s="1019"/>
      <c r="CU111" s="1019"/>
      <c r="CV111" s="1019"/>
      <c r="CW111" s="1019"/>
      <c r="CX111" s="1019"/>
      <c r="CY111" s="1019"/>
      <c r="CZ111" s="1019"/>
      <c r="DA111" s="1019"/>
      <c r="DB111" s="1019"/>
      <c r="DC111" s="1019"/>
      <c r="DD111" s="1019"/>
      <c r="DE111" s="1019"/>
      <c r="DF111" s="1020"/>
      <c r="DG111" s="1021" t="s">
        <v>
442</v>
      </c>
      <c r="DH111" s="1022"/>
      <c r="DI111" s="1022"/>
      <c r="DJ111" s="1022"/>
      <c r="DK111" s="1022"/>
      <c r="DL111" s="1022" t="s">
        <v>
178</v>
      </c>
      <c r="DM111" s="1022"/>
      <c r="DN111" s="1022"/>
      <c r="DO111" s="1022"/>
      <c r="DP111" s="1022"/>
      <c r="DQ111" s="1022" t="s">
        <v>
178</v>
      </c>
      <c r="DR111" s="1022"/>
      <c r="DS111" s="1022"/>
      <c r="DT111" s="1022"/>
      <c r="DU111" s="1022"/>
      <c r="DV111" s="1023" t="s">
        <v>
178</v>
      </c>
      <c r="DW111" s="1023"/>
      <c r="DX111" s="1023"/>
      <c r="DY111" s="1023"/>
      <c r="DZ111" s="1024"/>
    </row>
    <row r="112" spans="1:131" s="247" customFormat="1" ht="26.25" customHeight="1" x14ac:dyDescent="0.2">
      <c r="A112" s="1054" t="s">
        <v>
443</v>
      </c>
      <c r="B112" s="1055"/>
      <c r="C112" s="1052" t="s">
        <v>
444</v>
      </c>
      <c r="D112" s="1052"/>
      <c r="E112" s="1052"/>
      <c r="F112" s="1052"/>
      <c r="G112" s="1052"/>
      <c r="H112" s="1052"/>
      <c r="I112" s="1052"/>
      <c r="J112" s="1052"/>
      <c r="K112" s="1052"/>
      <c r="L112" s="1052"/>
      <c r="M112" s="1052"/>
      <c r="N112" s="1052"/>
      <c r="O112" s="1052"/>
      <c r="P112" s="1052"/>
      <c r="Q112" s="1052"/>
      <c r="R112" s="1052"/>
      <c r="S112" s="1052"/>
      <c r="T112" s="1052"/>
      <c r="U112" s="1052"/>
      <c r="V112" s="1052"/>
      <c r="W112" s="1052"/>
      <c r="X112" s="1052"/>
      <c r="Y112" s="1052"/>
      <c r="Z112" s="1053"/>
      <c r="AA112" s="1060">
        <v>
25400</v>
      </c>
      <c r="AB112" s="1061"/>
      <c r="AC112" s="1061"/>
      <c r="AD112" s="1061"/>
      <c r="AE112" s="1062"/>
      <c r="AF112" s="1063">
        <v>
33333</v>
      </c>
      <c r="AG112" s="1061"/>
      <c r="AH112" s="1061"/>
      <c r="AI112" s="1061"/>
      <c r="AJ112" s="1062"/>
      <c r="AK112" s="1063">
        <v>
50733</v>
      </c>
      <c r="AL112" s="1061"/>
      <c r="AM112" s="1061"/>
      <c r="AN112" s="1061"/>
      <c r="AO112" s="1062"/>
      <c r="AP112" s="1064">
        <v>
0.1</v>
      </c>
      <c r="AQ112" s="1065"/>
      <c r="AR112" s="1065"/>
      <c r="AS112" s="1065"/>
      <c r="AT112" s="1066"/>
      <c r="AU112" s="1002"/>
      <c r="AV112" s="1003"/>
      <c r="AW112" s="1003"/>
      <c r="AX112" s="1003"/>
      <c r="AY112" s="1003"/>
      <c r="AZ112" s="1051" t="s">
        <v>
445</v>
      </c>
      <c r="BA112" s="1052"/>
      <c r="BB112" s="1052"/>
      <c r="BC112" s="1052"/>
      <c r="BD112" s="1052"/>
      <c r="BE112" s="1052"/>
      <c r="BF112" s="1052"/>
      <c r="BG112" s="1052"/>
      <c r="BH112" s="1052"/>
      <c r="BI112" s="1052"/>
      <c r="BJ112" s="1052"/>
      <c r="BK112" s="1052"/>
      <c r="BL112" s="1052"/>
      <c r="BM112" s="1052"/>
      <c r="BN112" s="1052"/>
      <c r="BO112" s="1052"/>
      <c r="BP112" s="1053"/>
      <c r="BQ112" s="1021" t="s">
        <v>
178</v>
      </c>
      <c r="BR112" s="1022"/>
      <c r="BS112" s="1022"/>
      <c r="BT112" s="1022"/>
      <c r="BU112" s="1022"/>
      <c r="BV112" s="1022" t="s">
        <v>
442</v>
      </c>
      <c r="BW112" s="1022"/>
      <c r="BX112" s="1022"/>
      <c r="BY112" s="1022"/>
      <c r="BZ112" s="1022"/>
      <c r="CA112" s="1022" t="s">
        <v>
178</v>
      </c>
      <c r="CB112" s="1022"/>
      <c r="CC112" s="1022"/>
      <c r="CD112" s="1022"/>
      <c r="CE112" s="1022"/>
      <c r="CF112" s="1016" t="s">
        <v>
178</v>
      </c>
      <c r="CG112" s="1017"/>
      <c r="CH112" s="1017"/>
      <c r="CI112" s="1017"/>
      <c r="CJ112" s="1017"/>
      <c r="CK112" s="1047"/>
      <c r="CL112" s="1048"/>
      <c r="CM112" s="1018" t="s">
        <v>
446</v>
      </c>
      <c r="CN112" s="1019"/>
      <c r="CO112" s="1019"/>
      <c r="CP112" s="1019"/>
      <c r="CQ112" s="1019"/>
      <c r="CR112" s="1019"/>
      <c r="CS112" s="1019"/>
      <c r="CT112" s="1019"/>
      <c r="CU112" s="1019"/>
      <c r="CV112" s="1019"/>
      <c r="CW112" s="1019"/>
      <c r="CX112" s="1019"/>
      <c r="CY112" s="1019"/>
      <c r="CZ112" s="1019"/>
      <c r="DA112" s="1019"/>
      <c r="DB112" s="1019"/>
      <c r="DC112" s="1019"/>
      <c r="DD112" s="1019"/>
      <c r="DE112" s="1019"/>
      <c r="DF112" s="1020"/>
      <c r="DG112" s="1021" t="s">
        <v>
178</v>
      </c>
      <c r="DH112" s="1022"/>
      <c r="DI112" s="1022"/>
      <c r="DJ112" s="1022"/>
      <c r="DK112" s="1022"/>
      <c r="DL112" s="1022" t="s">
        <v>
442</v>
      </c>
      <c r="DM112" s="1022"/>
      <c r="DN112" s="1022"/>
      <c r="DO112" s="1022"/>
      <c r="DP112" s="1022"/>
      <c r="DQ112" s="1022" t="s">
        <v>
178</v>
      </c>
      <c r="DR112" s="1022"/>
      <c r="DS112" s="1022"/>
      <c r="DT112" s="1022"/>
      <c r="DU112" s="1022"/>
      <c r="DV112" s="1023" t="s">
        <v>
178</v>
      </c>
      <c r="DW112" s="1023"/>
      <c r="DX112" s="1023"/>
      <c r="DY112" s="1023"/>
      <c r="DZ112" s="1024"/>
    </row>
    <row r="113" spans="1:130" s="247" customFormat="1" ht="26.25" customHeight="1" x14ac:dyDescent="0.2">
      <c r="A113" s="1056"/>
      <c r="B113" s="1057"/>
      <c r="C113" s="1052" t="s">
        <v>
447</v>
      </c>
      <c r="D113" s="1052"/>
      <c r="E113" s="1052"/>
      <c r="F113" s="1052"/>
      <c r="G113" s="1052"/>
      <c r="H113" s="1052"/>
      <c r="I113" s="1052"/>
      <c r="J113" s="1052"/>
      <c r="K113" s="1052"/>
      <c r="L113" s="1052"/>
      <c r="M113" s="1052"/>
      <c r="N113" s="1052"/>
      <c r="O113" s="1052"/>
      <c r="P113" s="1052"/>
      <c r="Q113" s="1052"/>
      <c r="R113" s="1052"/>
      <c r="S113" s="1052"/>
      <c r="T113" s="1052"/>
      <c r="U113" s="1052"/>
      <c r="V113" s="1052"/>
      <c r="W113" s="1052"/>
      <c r="X113" s="1052"/>
      <c r="Y113" s="1052"/>
      <c r="Z113" s="1053"/>
      <c r="AA113" s="1035" t="s">
        <v>
178</v>
      </c>
      <c r="AB113" s="1036"/>
      <c r="AC113" s="1036"/>
      <c r="AD113" s="1036"/>
      <c r="AE113" s="1037"/>
      <c r="AF113" s="1038" t="s">
        <v>
178</v>
      </c>
      <c r="AG113" s="1036"/>
      <c r="AH113" s="1036"/>
      <c r="AI113" s="1036"/>
      <c r="AJ113" s="1037"/>
      <c r="AK113" s="1038" t="s">
        <v>
178</v>
      </c>
      <c r="AL113" s="1036"/>
      <c r="AM113" s="1036"/>
      <c r="AN113" s="1036"/>
      <c r="AO113" s="1037"/>
      <c r="AP113" s="1039" t="s">
        <v>
178</v>
      </c>
      <c r="AQ113" s="1040"/>
      <c r="AR113" s="1040"/>
      <c r="AS113" s="1040"/>
      <c r="AT113" s="1041"/>
      <c r="AU113" s="1002"/>
      <c r="AV113" s="1003"/>
      <c r="AW113" s="1003"/>
      <c r="AX113" s="1003"/>
      <c r="AY113" s="1003"/>
      <c r="AZ113" s="1051" t="s">
        <v>
448</v>
      </c>
      <c r="BA113" s="1052"/>
      <c r="BB113" s="1052"/>
      <c r="BC113" s="1052"/>
      <c r="BD113" s="1052"/>
      <c r="BE113" s="1052"/>
      <c r="BF113" s="1052"/>
      <c r="BG113" s="1052"/>
      <c r="BH113" s="1052"/>
      <c r="BI113" s="1052"/>
      <c r="BJ113" s="1052"/>
      <c r="BK113" s="1052"/>
      <c r="BL113" s="1052"/>
      <c r="BM113" s="1052"/>
      <c r="BN113" s="1052"/>
      <c r="BO113" s="1052"/>
      <c r="BP113" s="1053"/>
      <c r="BQ113" s="1021">
        <v>
1438558</v>
      </c>
      <c r="BR113" s="1022"/>
      <c r="BS113" s="1022"/>
      <c r="BT113" s="1022"/>
      <c r="BU113" s="1022"/>
      <c r="BV113" s="1022">
        <v>
1461986</v>
      </c>
      <c r="BW113" s="1022"/>
      <c r="BX113" s="1022"/>
      <c r="BY113" s="1022"/>
      <c r="BZ113" s="1022"/>
      <c r="CA113" s="1022">
        <v>
1524208</v>
      </c>
      <c r="CB113" s="1022"/>
      <c r="CC113" s="1022"/>
      <c r="CD113" s="1022"/>
      <c r="CE113" s="1022"/>
      <c r="CF113" s="1016">
        <v>
1.8</v>
      </c>
      <c r="CG113" s="1017"/>
      <c r="CH113" s="1017"/>
      <c r="CI113" s="1017"/>
      <c r="CJ113" s="1017"/>
      <c r="CK113" s="1047"/>
      <c r="CL113" s="1048"/>
      <c r="CM113" s="1018" t="s">
        <v>
449</v>
      </c>
      <c r="CN113" s="1019"/>
      <c r="CO113" s="1019"/>
      <c r="CP113" s="1019"/>
      <c r="CQ113" s="1019"/>
      <c r="CR113" s="1019"/>
      <c r="CS113" s="1019"/>
      <c r="CT113" s="1019"/>
      <c r="CU113" s="1019"/>
      <c r="CV113" s="1019"/>
      <c r="CW113" s="1019"/>
      <c r="CX113" s="1019"/>
      <c r="CY113" s="1019"/>
      <c r="CZ113" s="1019"/>
      <c r="DA113" s="1019"/>
      <c r="DB113" s="1019"/>
      <c r="DC113" s="1019"/>
      <c r="DD113" s="1019"/>
      <c r="DE113" s="1019"/>
      <c r="DF113" s="1020"/>
      <c r="DG113" s="1060" t="s">
        <v>
178</v>
      </c>
      <c r="DH113" s="1061"/>
      <c r="DI113" s="1061"/>
      <c r="DJ113" s="1061"/>
      <c r="DK113" s="1062"/>
      <c r="DL113" s="1063" t="s">
        <v>
178</v>
      </c>
      <c r="DM113" s="1061"/>
      <c r="DN113" s="1061"/>
      <c r="DO113" s="1061"/>
      <c r="DP113" s="1062"/>
      <c r="DQ113" s="1063" t="s">
        <v>
178</v>
      </c>
      <c r="DR113" s="1061"/>
      <c r="DS113" s="1061"/>
      <c r="DT113" s="1061"/>
      <c r="DU113" s="1062"/>
      <c r="DV113" s="1064" t="s">
        <v>
178</v>
      </c>
      <c r="DW113" s="1065"/>
      <c r="DX113" s="1065"/>
      <c r="DY113" s="1065"/>
      <c r="DZ113" s="1066"/>
    </row>
    <row r="114" spans="1:130" s="247" customFormat="1" ht="26.25" customHeight="1" x14ac:dyDescent="0.2">
      <c r="A114" s="1056"/>
      <c r="B114" s="1057"/>
      <c r="C114" s="1052" t="s">
        <v>
450</v>
      </c>
      <c r="D114" s="1052"/>
      <c r="E114" s="1052"/>
      <c r="F114" s="1052"/>
      <c r="G114" s="1052"/>
      <c r="H114" s="1052"/>
      <c r="I114" s="1052"/>
      <c r="J114" s="1052"/>
      <c r="K114" s="1052"/>
      <c r="L114" s="1052"/>
      <c r="M114" s="1052"/>
      <c r="N114" s="1052"/>
      <c r="O114" s="1052"/>
      <c r="P114" s="1052"/>
      <c r="Q114" s="1052"/>
      <c r="R114" s="1052"/>
      <c r="S114" s="1052"/>
      <c r="T114" s="1052"/>
      <c r="U114" s="1052"/>
      <c r="V114" s="1052"/>
      <c r="W114" s="1052"/>
      <c r="X114" s="1052"/>
      <c r="Y114" s="1052"/>
      <c r="Z114" s="1053"/>
      <c r="AA114" s="1060">
        <v>
107323</v>
      </c>
      <c r="AB114" s="1061"/>
      <c r="AC114" s="1061"/>
      <c r="AD114" s="1061"/>
      <c r="AE114" s="1062"/>
      <c r="AF114" s="1063">
        <v>
119044</v>
      </c>
      <c r="AG114" s="1061"/>
      <c r="AH114" s="1061"/>
      <c r="AI114" s="1061"/>
      <c r="AJ114" s="1062"/>
      <c r="AK114" s="1063">
        <v>
124083</v>
      </c>
      <c r="AL114" s="1061"/>
      <c r="AM114" s="1061"/>
      <c r="AN114" s="1061"/>
      <c r="AO114" s="1062"/>
      <c r="AP114" s="1064">
        <v>
0.1</v>
      </c>
      <c r="AQ114" s="1065"/>
      <c r="AR114" s="1065"/>
      <c r="AS114" s="1065"/>
      <c r="AT114" s="1066"/>
      <c r="AU114" s="1002"/>
      <c r="AV114" s="1003"/>
      <c r="AW114" s="1003"/>
      <c r="AX114" s="1003"/>
      <c r="AY114" s="1003"/>
      <c r="AZ114" s="1051" t="s">
        <v>
451</v>
      </c>
      <c r="BA114" s="1052"/>
      <c r="BB114" s="1052"/>
      <c r="BC114" s="1052"/>
      <c r="BD114" s="1052"/>
      <c r="BE114" s="1052"/>
      <c r="BF114" s="1052"/>
      <c r="BG114" s="1052"/>
      <c r="BH114" s="1052"/>
      <c r="BI114" s="1052"/>
      <c r="BJ114" s="1052"/>
      <c r="BK114" s="1052"/>
      <c r="BL114" s="1052"/>
      <c r="BM114" s="1052"/>
      <c r="BN114" s="1052"/>
      <c r="BO114" s="1052"/>
      <c r="BP114" s="1053"/>
      <c r="BQ114" s="1021">
        <v>
18192840</v>
      </c>
      <c r="BR114" s="1022"/>
      <c r="BS114" s="1022"/>
      <c r="BT114" s="1022"/>
      <c r="BU114" s="1022"/>
      <c r="BV114" s="1022">
        <v>
18536940</v>
      </c>
      <c r="BW114" s="1022"/>
      <c r="BX114" s="1022"/>
      <c r="BY114" s="1022"/>
      <c r="BZ114" s="1022"/>
      <c r="CA114" s="1022">
        <v>
17242712</v>
      </c>
      <c r="CB114" s="1022"/>
      <c r="CC114" s="1022"/>
      <c r="CD114" s="1022"/>
      <c r="CE114" s="1022"/>
      <c r="CF114" s="1016">
        <v>
20.3</v>
      </c>
      <c r="CG114" s="1017"/>
      <c r="CH114" s="1017"/>
      <c r="CI114" s="1017"/>
      <c r="CJ114" s="1017"/>
      <c r="CK114" s="1047"/>
      <c r="CL114" s="1048"/>
      <c r="CM114" s="1018" t="s">
        <v>
452</v>
      </c>
      <c r="CN114" s="1019"/>
      <c r="CO114" s="1019"/>
      <c r="CP114" s="1019"/>
      <c r="CQ114" s="1019"/>
      <c r="CR114" s="1019"/>
      <c r="CS114" s="1019"/>
      <c r="CT114" s="1019"/>
      <c r="CU114" s="1019"/>
      <c r="CV114" s="1019"/>
      <c r="CW114" s="1019"/>
      <c r="CX114" s="1019"/>
      <c r="CY114" s="1019"/>
      <c r="CZ114" s="1019"/>
      <c r="DA114" s="1019"/>
      <c r="DB114" s="1019"/>
      <c r="DC114" s="1019"/>
      <c r="DD114" s="1019"/>
      <c r="DE114" s="1019"/>
      <c r="DF114" s="1020"/>
      <c r="DG114" s="1060" t="s">
        <v>
178</v>
      </c>
      <c r="DH114" s="1061"/>
      <c r="DI114" s="1061"/>
      <c r="DJ114" s="1061"/>
      <c r="DK114" s="1062"/>
      <c r="DL114" s="1063" t="s">
        <v>
178</v>
      </c>
      <c r="DM114" s="1061"/>
      <c r="DN114" s="1061"/>
      <c r="DO114" s="1061"/>
      <c r="DP114" s="1062"/>
      <c r="DQ114" s="1063" t="s">
        <v>
442</v>
      </c>
      <c r="DR114" s="1061"/>
      <c r="DS114" s="1061"/>
      <c r="DT114" s="1061"/>
      <c r="DU114" s="1062"/>
      <c r="DV114" s="1064" t="s">
        <v>
178</v>
      </c>
      <c r="DW114" s="1065"/>
      <c r="DX114" s="1065"/>
      <c r="DY114" s="1065"/>
      <c r="DZ114" s="1066"/>
    </row>
    <row r="115" spans="1:130" s="247" customFormat="1" ht="26.25" customHeight="1" x14ac:dyDescent="0.2">
      <c r="A115" s="1056"/>
      <c r="B115" s="1057"/>
      <c r="C115" s="1052" t="s">
        <v>
453</v>
      </c>
      <c r="D115" s="1052"/>
      <c r="E115" s="1052"/>
      <c r="F115" s="1052"/>
      <c r="G115" s="1052"/>
      <c r="H115" s="1052"/>
      <c r="I115" s="1052"/>
      <c r="J115" s="1052"/>
      <c r="K115" s="1052"/>
      <c r="L115" s="1052"/>
      <c r="M115" s="1052"/>
      <c r="N115" s="1052"/>
      <c r="O115" s="1052"/>
      <c r="P115" s="1052"/>
      <c r="Q115" s="1052"/>
      <c r="R115" s="1052"/>
      <c r="S115" s="1052"/>
      <c r="T115" s="1052"/>
      <c r="U115" s="1052"/>
      <c r="V115" s="1052"/>
      <c r="W115" s="1052"/>
      <c r="X115" s="1052"/>
      <c r="Y115" s="1052"/>
      <c r="Z115" s="1053"/>
      <c r="AA115" s="1035">
        <v>
247798</v>
      </c>
      <c r="AB115" s="1036"/>
      <c r="AC115" s="1036"/>
      <c r="AD115" s="1036"/>
      <c r="AE115" s="1037"/>
      <c r="AF115" s="1038">
        <v>
221141</v>
      </c>
      <c r="AG115" s="1036"/>
      <c r="AH115" s="1036"/>
      <c r="AI115" s="1036"/>
      <c r="AJ115" s="1037"/>
      <c r="AK115" s="1038">
        <v>
199026</v>
      </c>
      <c r="AL115" s="1036"/>
      <c r="AM115" s="1036"/>
      <c r="AN115" s="1036"/>
      <c r="AO115" s="1037"/>
      <c r="AP115" s="1039">
        <v>
0.2</v>
      </c>
      <c r="AQ115" s="1040"/>
      <c r="AR115" s="1040"/>
      <c r="AS115" s="1040"/>
      <c r="AT115" s="1041"/>
      <c r="AU115" s="1002"/>
      <c r="AV115" s="1003"/>
      <c r="AW115" s="1003"/>
      <c r="AX115" s="1003"/>
      <c r="AY115" s="1003"/>
      <c r="AZ115" s="1051" t="s">
        <v>
454</v>
      </c>
      <c r="BA115" s="1052"/>
      <c r="BB115" s="1052"/>
      <c r="BC115" s="1052"/>
      <c r="BD115" s="1052"/>
      <c r="BE115" s="1052"/>
      <c r="BF115" s="1052"/>
      <c r="BG115" s="1052"/>
      <c r="BH115" s="1052"/>
      <c r="BI115" s="1052"/>
      <c r="BJ115" s="1052"/>
      <c r="BK115" s="1052"/>
      <c r="BL115" s="1052"/>
      <c r="BM115" s="1052"/>
      <c r="BN115" s="1052"/>
      <c r="BO115" s="1052"/>
      <c r="BP115" s="1053"/>
      <c r="BQ115" s="1021" t="s">
        <v>
178</v>
      </c>
      <c r="BR115" s="1022"/>
      <c r="BS115" s="1022"/>
      <c r="BT115" s="1022"/>
      <c r="BU115" s="1022"/>
      <c r="BV115" s="1022" t="s">
        <v>
178</v>
      </c>
      <c r="BW115" s="1022"/>
      <c r="BX115" s="1022"/>
      <c r="BY115" s="1022"/>
      <c r="BZ115" s="1022"/>
      <c r="CA115" s="1022" t="s">
        <v>
178</v>
      </c>
      <c r="CB115" s="1022"/>
      <c r="CC115" s="1022"/>
      <c r="CD115" s="1022"/>
      <c r="CE115" s="1022"/>
      <c r="CF115" s="1016" t="s">
        <v>
178</v>
      </c>
      <c r="CG115" s="1017"/>
      <c r="CH115" s="1017"/>
      <c r="CI115" s="1017"/>
      <c r="CJ115" s="1017"/>
      <c r="CK115" s="1047"/>
      <c r="CL115" s="1048"/>
      <c r="CM115" s="1051" t="s">
        <v>
455</v>
      </c>
      <c r="CN115" s="1072"/>
      <c r="CO115" s="1072"/>
      <c r="CP115" s="1072"/>
      <c r="CQ115" s="1072"/>
      <c r="CR115" s="1072"/>
      <c r="CS115" s="1072"/>
      <c r="CT115" s="1072"/>
      <c r="CU115" s="1072"/>
      <c r="CV115" s="1072"/>
      <c r="CW115" s="1072"/>
      <c r="CX115" s="1072"/>
      <c r="CY115" s="1072"/>
      <c r="CZ115" s="1072"/>
      <c r="DA115" s="1072"/>
      <c r="DB115" s="1072"/>
      <c r="DC115" s="1072"/>
      <c r="DD115" s="1072"/>
      <c r="DE115" s="1072"/>
      <c r="DF115" s="1053"/>
      <c r="DG115" s="1060">
        <v>
125414</v>
      </c>
      <c r="DH115" s="1061"/>
      <c r="DI115" s="1061"/>
      <c r="DJ115" s="1061"/>
      <c r="DK115" s="1062"/>
      <c r="DL115" s="1063" t="s">
        <v>
178</v>
      </c>
      <c r="DM115" s="1061"/>
      <c r="DN115" s="1061"/>
      <c r="DO115" s="1061"/>
      <c r="DP115" s="1062"/>
      <c r="DQ115" s="1063" t="s">
        <v>
178</v>
      </c>
      <c r="DR115" s="1061"/>
      <c r="DS115" s="1061"/>
      <c r="DT115" s="1061"/>
      <c r="DU115" s="1062"/>
      <c r="DV115" s="1064" t="s">
        <v>
178</v>
      </c>
      <c r="DW115" s="1065"/>
      <c r="DX115" s="1065"/>
      <c r="DY115" s="1065"/>
      <c r="DZ115" s="1066"/>
    </row>
    <row r="116" spans="1:130" s="247" customFormat="1" ht="26.25" customHeight="1" x14ac:dyDescent="0.2">
      <c r="A116" s="1058"/>
      <c r="B116" s="1059"/>
      <c r="C116" s="1067" t="s">
        <v>
456</v>
      </c>
      <c r="D116" s="1067"/>
      <c r="E116" s="1067"/>
      <c r="F116" s="1067"/>
      <c r="G116" s="1067"/>
      <c r="H116" s="1067"/>
      <c r="I116" s="1067"/>
      <c r="J116" s="1067"/>
      <c r="K116" s="1067"/>
      <c r="L116" s="1067"/>
      <c r="M116" s="1067"/>
      <c r="N116" s="1067"/>
      <c r="O116" s="1067"/>
      <c r="P116" s="1067"/>
      <c r="Q116" s="1067"/>
      <c r="R116" s="1067"/>
      <c r="S116" s="1067"/>
      <c r="T116" s="1067"/>
      <c r="U116" s="1067"/>
      <c r="V116" s="1067"/>
      <c r="W116" s="1067"/>
      <c r="X116" s="1067"/>
      <c r="Y116" s="1067"/>
      <c r="Z116" s="1068"/>
      <c r="AA116" s="1060" t="s">
        <v>
178</v>
      </c>
      <c r="AB116" s="1061"/>
      <c r="AC116" s="1061"/>
      <c r="AD116" s="1061"/>
      <c r="AE116" s="1062"/>
      <c r="AF116" s="1063" t="s">
        <v>
178</v>
      </c>
      <c r="AG116" s="1061"/>
      <c r="AH116" s="1061"/>
      <c r="AI116" s="1061"/>
      <c r="AJ116" s="1062"/>
      <c r="AK116" s="1063" t="s">
        <v>
178</v>
      </c>
      <c r="AL116" s="1061"/>
      <c r="AM116" s="1061"/>
      <c r="AN116" s="1061"/>
      <c r="AO116" s="1062"/>
      <c r="AP116" s="1064" t="s">
        <v>
178</v>
      </c>
      <c r="AQ116" s="1065"/>
      <c r="AR116" s="1065"/>
      <c r="AS116" s="1065"/>
      <c r="AT116" s="1066"/>
      <c r="AU116" s="1002"/>
      <c r="AV116" s="1003"/>
      <c r="AW116" s="1003"/>
      <c r="AX116" s="1003"/>
      <c r="AY116" s="1003"/>
      <c r="AZ116" s="1069" t="s">
        <v>
457</v>
      </c>
      <c r="BA116" s="1070"/>
      <c r="BB116" s="1070"/>
      <c r="BC116" s="1070"/>
      <c r="BD116" s="1070"/>
      <c r="BE116" s="1070"/>
      <c r="BF116" s="1070"/>
      <c r="BG116" s="1070"/>
      <c r="BH116" s="1070"/>
      <c r="BI116" s="1070"/>
      <c r="BJ116" s="1070"/>
      <c r="BK116" s="1070"/>
      <c r="BL116" s="1070"/>
      <c r="BM116" s="1070"/>
      <c r="BN116" s="1070"/>
      <c r="BO116" s="1070"/>
      <c r="BP116" s="1071"/>
      <c r="BQ116" s="1021" t="s">
        <v>
178</v>
      </c>
      <c r="BR116" s="1022"/>
      <c r="BS116" s="1022"/>
      <c r="BT116" s="1022"/>
      <c r="BU116" s="1022"/>
      <c r="BV116" s="1022" t="s">
        <v>
178</v>
      </c>
      <c r="BW116" s="1022"/>
      <c r="BX116" s="1022"/>
      <c r="BY116" s="1022"/>
      <c r="BZ116" s="1022"/>
      <c r="CA116" s="1022" t="s">
        <v>
178</v>
      </c>
      <c r="CB116" s="1022"/>
      <c r="CC116" s="1022"/>
      <c r="CD116" s="1022"/>
      <c r="CE116" s="1022"/>
      <c r="CF116" s="1016" t="s">
        <v>
178</v>
      </c>
      <c r="CG116" s="1017"/>
      <c r="CH116" s="1017"/>
      <c r="CI116" s="1017"/>
      <c r="CJ116" s="1017"/>
      <c r="CK116" s="1047"/>
      <c r="CL116" s="1048"/>
      <c r="CM116" s="1018" t="s">
        <v>
458</v>
      </c>
      <c r="CN116" s="1019"/>
      <c r="CO116" s="1019"/>
      <c r="CP116" s="1019"/>
      <c r="CQ116" s="1019"/>
      <c r="CR116" s="1019"/>
      <c r="CS116" s="1019"/>
      <c r="CT116" s="1019"/>
      <c r="CU116" s="1019"/>
      <c r="CV116" s="1019"/>
      <c r="CW116" s="1019"/>
      <c r="CX116" s="1019"/>
      <c r="CY116" s="1019"/>
      <c r="CZ116" s="1019"/>
      <c r="DA116" s="1019"/>
      <c r="DB116" s="1019"/>
      <c r="DC116" s="1019"/>
      <c r="DD116" s="1019"/>
      <c r="DE116" s="1019"/>
      <c r="DF116" s="1020"/>
      <c r="DG116" s="1060">
        <v>
74825</v>
      </c>
      <c r="DH116" s="1061"/>
      <c r="DI116" s="1061"/>
      <c r="DJ116" s="1061"/>
      <c r="DK116" s="1062"/>
      <c r="DL116" s="1063">
        <v>
32000</v>
      </c>
      <c r="DM116" s="1061"/>
      <c r="DN116" s="1061"/>
      <c r="DO116" s="1061"/>
      <c r="DP116" s="1062"/>
      <c r="DQ116" s="1063" t="s">
        <v>
178</v>
      </c>
      <c r="DR116" s="1061"/>
      <c r="DS116" s="1061"/>
      <c r="DT116" s="1061"/>
      <c r="DU116" s="1062"/>
      <c r="DV116" s="1064" t="s">
        <v>
178</v>
      </c>
      <c r="DW116" s="1065"/>
      <c r="DX116" s="1065"/>
      <c r="DY116" s="1065"/>
      <c r="DZ116" s="1066"/>
    </row>
    <row r="117" spans="1:130" s="247" customFormat="1" ht="26.25" customHeight="1" x14ac:dyDescent="0.2">
      <c r="A117" s="1006" t="s">
        <v>
193</v>
      </c>
      <c r="B117" s="987"/>
      <c r="C117" s="987"/>
      <c r="D117" s="987"/>
      <c r="E117" s="987"/>
      <c r="F117" s="987"/>
      <c r="G117" s="987"/>
      <c r="H117" s="987"/>
      <c r="I117" s="987"/>
      <c r="J117" s="987"/>
      <c r="K117" s="987"/>
      <c r="L117" s="987"/>
      <c r="M117" s="987"/>
      <c r="N117" s="987"/>
      <c r="O117" s="987"/>
      <c r="P117" s="987"/>
      <c r="Q117" s="987"/>
      <c r="R117" s="987"/>
      <c r="S117" s="987"/>
      <c r="T117" s="987"/>
      <c r="U117" s="987"/>
      <c r="V117" s="987"/>
      <c r="W117" s="987"/>
      <c r="X117" s="987"/>
      <c r="Y117" s="1077" t="s">
        <v>
459</v>
      </c>
      <c r="Z117" s="988"/>
      <c r="AA117" s="1078">
        <v>
2657312</v>
      </c>
      <c r="AB117" s="1079"/>
      <c r="AC117" s="1079"/>
      <c r="AD117" s="1079"/>
      <c r="AE117" s="1080"/>
      <c r="AF117" s="1081">
        <v>
2414131</v>
      </c>
      <c r="AG117" s="1079"/>
      <c r="AH117" s="1079"/>
      <c r="AI117" s="1079"/>
      <c r="AJ117" s="1080"/>
      <c r="AK117" s="1081">
        <v>
2649073</v>
      </c>
      <c r="AL117" s="1079"/>
      <c r="AM117" s="1079"/>
      <c r="AN117" s="1079"/>
      <c r="AO117" s="1080"/>
      <c r="AP117" s="1082"/>
      <c r="AQ117" s="1083"/>
      <c r="AR117" s="1083"/>
      <c r="AS117" s="1083"/>
      <c r="AT117" s="1084"/>
      <c r="AU117" s="1002"/>
      <c r="AV117" s="1003"/>
      <c r="AW117" s="1003"/>
      <c r="AX117" s="1003"/>
      <c r="AY117" s="1003"/>
      <c r="AZ117" s="1069" t="s">
        <v>
460</v>
      </c>
      <c r="BA117" s="1070"/>
      <c r="BB117" s="1070"/>
      <c r="BC117" s="1070"/>
      <c r="BD117" s="1070"/>
      <c r="BE117" s="1070"/>
      <c r="BF117" s="1070"/>
      <c r="BG117" s="1070"/>
      <c r="BH117" s="1070"/>
      <c r="BI117" s="1070"/>
      <c r="BJ117" s="1070"/>
      <c r="BK117" s="1070"/>
      <c r="BL117" s="1070"/>
      <c r="BM117" s="1070"/>
      <c r="BN117" s="1070"/>
      <c r="BO117" s="1070"/>
      <c r="BP117" s="1071"/>
      <c r="BQ117" s="1021" t="s">
        <v>
178</v>
      </c>
      <c r="BR117" s="1022"/>
      <c r="BS117" s="1022"/>
      <c r="BT117" s="1022"/>
      <c r="BU117" s="1022"/>
      <c r="BV117" s="1022" t="s">
        <v>
178</v>
      </c>
      <c r="BW117" s="1022"/>
      <c r="BX117" s="1022"/>
      <c r="BY117" s="1022"/>
      <c r="BZ117" s="1022"/>
      <c r="CA117" s="1022" t="s">
        <v>
178</v>
      </c>
      <c r="CB117" s="1022"/>
      <c r="CC117" s="1022"/>
      <c r="CD117" s="1022"/>
      <c r="CE117" s="1022"/>
      <c r="CF117" s="1016" t="s">
        <v>
178</v>
      </c>
      <c r="CG117" s="1017"/>
      <c r="CH117" s="1017"/>
      <c r="CI117" s="1017"/>
      <c r="CJ117" s="1017"/>
      <c r="CK117" s="1047"/>
      <c r="CL117" s="1048"/>
      <c r="CM117" s="1018" t="s">
        <v>
461</v>
      </c>
      <c r="CN117" s="1019"/>
      <c r="CO117" s="1019"/>
      <c r="CP117" s="1019"/>
      <c r="CQ117" s="1019"/>
      <c r="CR117" s="1019"/>
      <c r="CS117" s="1019"/>
      <c r="CT117" s="1019"/>
      <c r="CU117" s="1019"/>
      <c r="CV117" s="1019"/>
      <c r="CW117" s="1019"/>
      <c r="CX117" s="1019"/>
      <c r="CY117" s="1019"/>
      <c r="CZ117" s="1019"/>
      <c r="DA117" s="1019"/>
      <c r="DB117" s="1019"/>
      <c r="DC117" s="1019"/>
      <c r="DD117" s="1019"/>
      <c r="DE117" s="1019"/>
      <c r="DF117" s="1020"/>
      <c r="DG117" s="1060" t="s">
        <v>
178</v>
      </c>
      <c r="DH117" s="1061"/>
      <c r="DI117" s="1061"/>
      <c r="DJ117" s="1061"/>
      <c r="DK117" s="1062"/>
      <c r="DL117" s="1063" t="s">
        <v>
178</v>
      </c>
      <c r="DM117" s="1061"/>
      <c r="DN117" s="1061"/>
      <c r="DO117" s="1061"/>
      <c r="DP117" s="1062"/>
      <c r="DQ117" s="1063" t="s">
        <v>
178</v>
      </c>
      <c r="DR117" s="1061"/>
      <c r="DS117" s="1061"/>
      <c r="DT117" s="1061"/>
      <c r="DU117" s="1062"/>
      <c r="DV117" s="1064" t="s">
        <v>
178</v>
      </c>
      <c r="DW117" s="1065"/>
      <c r="DX117" s="1065"/>
      <c r="DY117" s="1065"/>
      <c r="DZ117" s="1066"/>
    </row>
    <row r="118" spans="1:130" s="247" customFormat="1" ht="26.25" customHeight="1" x14ac:dyDescent="0.2">
      <c r="A118" s="1006" t="s">
        <v>
434</v>
      </c>
      <c r="B118" s="987"/>
      <c r="C118" s="987"/>
      <c r="D118" s="987"/>
      <c r="E118" s="987"/>
      <c r="F118" s="987"/>
      <c r="G118" s="987"/>
      <c r="H118" s="987"/>
      <c r="I118" s="987"/>
      <c r="J118" s="987"/>
      <c r="K118" s="987"/>
      <c r="L118" s="987"/>
      <c r="M118" s="987"/>
      <c r="N118" s="987"/>
      <c r="O118" s="987"/>
      <c r="P118" s="987"/>
      <c r="Q118" s="987"/>
      <c r="R118" s="987"/>
      <c r="S118" s="987"/>
      <c r="T118" s="987"/>
      <c r="U118" s="987"/>
      <c r="V118" s="987"/>
      <c r="W118" s="987"/>
      <c r="X118" s="987"/>
      <c r="Y118" s="987"/>
      <c r="Z118" s="988"/>
      <c r="AA118" s="986" t="s">
        <v>
432</v>
      </c>
      <c r="AB118" s="987"/>
      <c r="AC118" s="987"/>
      <c r="AD118" s="987"/>
      <c r="AE118" s="988"/>
      <c r="AF118" s="986" t="s">
        <v>
316</v>
      </c>
      <c r="AG118" s="987"/>
      <c r="AH118" s="987"/>
      <c r="AI118" s="987"/>
      <c r="AJ118" s="988"/>
      <c r="AK118" s="986" t="s">
        <v>
315</v>
      </c>
      <c r="AL118" s="987"/>
      <c r="AM118" s="987"/>
      <c r="AN118" s="987"/>
      <c r="AO118" s="988"/>
      <c r="AP118" s="1073" t="s">
        <v>
433</v>
      </c>
      <c r="AQ118" s="1074"/>
      <c r="AR118" s="1074"/>
      <c r="AS118" s="1074"/>
      <c r="AT118" s="1075"/>
      <c r="AU118" s="1002"/>
      <c r="AV118" s="1003"/>
      <c r="AW118" s="1003"/>
      <c r="AX118" s="1003"/>
      <c r="AY118" s="1003"/>
      <c r="AZ118" s="1076" t="s">
        <v>
462</v>
      </c>
      <c r="BA118" s="1067"/>
      <c r="BB118" s="1067"/>
      <c r="BC118" s="1067"/>
      <c r="BD118" s="1067"/>
      <c r="BE118" s="1067"/>
      <c r="BF118" s="1067"/>
      <c r="BG118" s="1067"/>
      <c r="BH118" s="1067"/>
      <c r="BI118" s="1067"/>
      <c r="BJ118" s="1067"/>
      <c r="BK118" s="1067"/>
      <c r="BL118" s="1067"/>
      <c r="BM118" s="1067"/>
      <c r="BN118" s="1067"/>
      <c r="BO118" s="1067"/>
      <c r="BP118" s="1068"/>
      <c r="BQ118" s="1099" t="s">
        <v>
178</v>
      </c>
      <c r="BR118" s="1100"/>
      <c r="BS118" s="1100"/>
      <c r="BT118" s="1100"/>
      <c r="BU118" s="1100"/>
      <c r="BV118" s="1100" t="s">
        <v>
178</v>
      </c>
      <c r="BW118" s="1100"/>
      <c r="BX118" s="1100"/>
      <c r="BY118" s="1100"/>
      <c r="BZ118" s="1100"/>
      <c r="CA118" s="1100" t="s">
        <v>
178</v>
      </c>
      <c r="CB118" s="1100"/>
      <c r="CC118" s="1100"/>
      <c r="CD118" s="1100"/>
      <c r="CE118" s="1100"/>
      <c r="CF118" s="1016" t="s">
        <v>
178</v>
      </c>
      <c r="CG118" s="1017"/>
      <c r="CH118" s="1017"/>
      <c r="CI118" s="1017"/>
      <c r="CJ118" s="1017"/>
      <c r="CK118" s="1047"/>
      <c r="CL118" s="1048"/>
      <c r="CM118" s="1018" t="s">
        <v>
463</v>
      </c>
      <c r="CN118" s="1019"/>
      <c r="CO118" s="1019"/>
      <c r="CP118" s="1019"/>
      <c r="CQ118" s="1019"/>
      <c r="CR118" s="1019"/>
      <c r="CS118" s="1019"/>
      <c r="CT118" s="1019"/>
      <c r="CU118" s="1019"/>
      <c r="CV118" s="1019"/>
      <c r="CW118" s="1019"/>
      <c r="CX118" s="1019"/>
      <c r="CY118" s="1019"/>
      <c r="CZ118" s="1019"/>
      <c r="DA118" s="1019"/>
      <c r="DB118" s="1019"/>
      <c r="DC118" s="1019"/>
      <c r="DD118" s="1019"/>
      <c r="DE118" s="1019"/>
      <c r="DF118" s="1020"/>
      <c r="DG118" s="1060" t="s">
        <v>
178</v>
      </c>
      <c r="DH118" s="1061"/>
      <c r="DI118" s="1061"/>
      <c r="DJ118" s="1061"/>
      <c r="DK118" s="1062"/>
      <c r="DL118" s="1063" t="s">
        <v>
178</v>
      </c>
      <c r="DM118" s="1061"/>
      <c r="DN118" s="1061"/>
      <c r="DO118" s="1061"/>
      <c r="DP118" s="1062"/>
      <c r="DQ118" s="1063" t="s">
        <v>
178</v>
      </c>
      <c r="DR118" s="1061"/>
      <c r="DS118" s="1061"/>
      <c r="DT118" s="1061"/>
      <c r="DU118" s="1062"/>
      <c r="DV118" s="1064" t="s">
        <v>
178</v>
      </c>
      <c r="DW118" s="1065"/>
      <c r="DX118" s="1065"/>
      <c r="DY118" s="1065"/>
      <c r="DZ118" s="1066"/>
    </row>
    <row r="119" spans="1:130" s="247" customFormat="1" ht="26.25" customHeight="1" x14ac:dyDescent="0.2">
      <c r="A119" s="1160" t="s">
        <v>
437</v>
      </c>
      <c r="B119" s="1046"/>
      <c r="C119" s="1025" t="s">
        <v>
438</v>
      </c>
      <c r="D119" s="1026"/>
      <c r="E119" s="1026"/>
      <c r="F119" s="1026"/>
      <c r="G119" s="1026"/>
      <c r="H119" s="1026"/>
      <c r="I119" s="1026"/>
      <c r="J119" s="1026"/>
      <c r="K119" s="1026"/>
      <c r="L119" s="1026"/>
      <c r="M119" s="1026"/>
      <c r="N119" s="1026"/>
      <c r="O119" s="1026"/>
      <c r="P119" s="1026"/>
      <c r="Q119" s="1026"/>
      <c r="R119" s="1026"/>
      <c r="S119" s="1026"/>
      <c r="T119" s="1026"/>
      <c r="U119" s="1026"/>
      <c r="V119" s="1026"/>
      <c r="W119" s="1026"/>
      <c r="X119" s="1026"/>
      <c r="Y119" s="1026"/>
      <c r="Z119" s="1027"/>
      <c r="AA119" s="993" t="s">
        <v>
178</v>
      </c>
      <c r="AB119" s="994"/>
      <c r="AC119" s="994"/>
      <c r="AD119" s="994"/>
      <c r="AE119" s="995"/>
      <c r="AF119" s="996" t="s">
        <v>
178</v>
      </c>
      <c r="AG119" s="994"/>
      <c r="AH119" s="994"/>
      <c r="AI119" s="994"/>
      <c r="AJ119" s="995"/>
      <c r="AK119" s="996" t="s">
        <v>
178</v>
      </c>
      <c r="AL119" s="994"/>
      <c r="AM119" s="994"/>
      <c r="AN119" s="994"/>
      <c r="AO119" s="995"/>
      <c r="AP119" s="997" t="s">
        <v>
178</v>
      </c>
      <c r="AQ119" s="998"/>
      <c r="AR119" s="998"/>
      <c r="AS119" s="998"/>
      <c r="AT119" s="999"/>
      <c r="AU119" s="1004"/>
      <c r="AV119" s="1005"/>
      <c r="AW119" s="1005"/>
      <c r="AX119" s="1005"/>
      <c r="AY119" s="1005"/>
      <c r="AZ119" s="278" t="s">
        <v>
193</v>
      </c>
      <c r="BA119" s="278"/>
      <c r="BB119" s="278"/>
      <c r="BC119" s="278"/>
      <c r="BD119" s="278"/>
      <c r="BE119" s="278"/>
      <c r="BF119" s="278"/>
      <c r="BG119" s="278"/>
      <c r="BH119" s="278"/>
      <c r="BI119" s="278"/>
      <c r="BJ119" s="278"/>
      <c r="BK119" s="278"/>
      <c r="BL119" s="278"/>
      <c r="BM119" s="278"/>
      <c r="BN119" s="278"/>
      <c r="BO119" s="1077" t="s">
        <v>
464</v>
      </c>
      <c r="BP119" s="1108"/>
      <c r="BQ119" s="1099">
        <v>
40748213</v>
      </c>
      <c r="BR119" s="1100"/>
      <c r="BS119" s="1100"/>
      <c r="BT119" s="1100"/>
      <c r="BU119" s="1100"/>
      <c r="BV119" s="1100">
        <v>
39978024</v>
      </c>
      <c r="BW119" s="1100"/>
      <c r="BX119" s="1100"/>
      <c r="BY119" s="1100"/>
      <c r="BZ119" s="1100"/>
      <c r="CA119" s="1100">
        <v>
37404931</v>
      </c>
      <c r="CB119" s="1100"/>
      <c r="CC119" s="1100"/>
      <c r="CD119" s="1100"/>
      <c r="CE119" s="1100"/>
      <c r="CF119" s="1101"/>
      <c r="CG119" s="1102"/>
      <c r="CH119" s="1102"/>
      <c r="CI119" s="1102"/>
      <c r="CJ119" s="1103"/>
      <c r="CK119" s="1049"/>
      <c r="CL119" s="1050"/>
      <c r="CM119" s="1104" t="s">
        <v>
465</v>
      </c>
      <c r="CN119" s="1105"/>
      <c r="CO119" s="1105"/>
      <c r="CP119" s="1105"/>
      <c r="CQ119" s="1105"/>
      <c r="CR119" s="1105"/>
      <c r="CS119" s="1105"/>
      <c r="CT119" s="1105"/>
      <c r="CU119" s="1105"/>
      <c r="CV119" s="1105"/>
      <c r="CW119" s="1105"/>
      <c r="CX119" s="1105"/>
      <c r="CY119" s="1105"/>
      <c r="CZ119" s="1105"/>
      <c r="DA119" s="1105"/>
      <c r="DB119" s="1105"/>
      <c r="DC119" s="1105"/>
      <c r="DD119" s="1105"/>
      <c r="DE119" s="1105"/>
      <c r="DF119" s="1106"/>
      <c r="DG119" s="1107" t="s">
        <v>
178</v>
      </c>
      <c r="DH119" s="1086"/>
      <c r="DI119" s="1086"/>
      <c r="DJ119" s="1086"/>
      <c r="DK119" s="1087"/>
      <c r="DL119" s="1085" t="s">
        <v>
178</v>
      </c>
      <c r="DM119" s="1086"/>
      <c r="DN119" s="1086"/>
      <c r="DO119" s="1086"/>
      <c r="DP119" s="1087"/>
      <c r="DQ119" s="1085" t="s">
        <v>
178</v>
      </c>
      <c r="DR119" s="1086"/>
      <c r="DS119" s="1086"/>
      <c r="DT119" s="1086"/>
      <c r="DU119" s="1087"/>
      <c r="DV119" s="1088" t="s">
        <v>
178</v>
      </c>
      <c r="DW119" s="1089"/>
      <c r="DX119" s="1089"/>
      <c r="DY119" s="1089"/>
      <c r="DZ119" s="1090"/>
    </row>
    <row r="120" spans="1:130" s="247" customFormat="1" ht="26.25" customHeight="1" x14ac:dyDescent="0.2">
      <c r="A120" s="1161"/>
      <c r="B120" s="1048"/>
      <c r="C120" s="1018" t="s">
        <v>
441</v>
      </c>
      <c r="D120" s="1019"/>
      <c r="E120" s="1019"/>
      <c r="F120" s="1019"/>
      <c r="G120" s="1019"/>
      <c r="H120" s="1019"/>
      <c r="I120" s="1019"/>
      <c r="J120" s="1019"/>
      <c r="K120" s="1019"/>
      <c r="L120" s="1019"/>
      <c r="M120" s="1019"/>
      <c r="N120" s="1019"/>
      <c r="O120" s="1019"/>
      <c r="P120" s="1019"/>
      <c r="Q120" s="1019"/>
      <c r="R120" s="1019"/>
      <c r="S120" s="1019"/>
      <c r="T120" s="1019"/>
      <c r="U120" s="1019"/>
      <c r="V120" s="1019"/>
      <c r="W120" s="1019"/>
      <c r="X120" s="1019"/>
      <c r="Y120" s="1019"/>
      <c r="Z120" s="1020"/>
      <c r="AA120" s="1060" t="s">
        <v>
178</v>
      </c>
      <c r="AB120" s="1061"/>
      <c r="AC120" s="1061"/>
      <c r="AD120" s="1061"/>
      <c r="AE120" s="1062"/>
      <c r="AF120" s="1063" t="s">
        <v>
178</v>
      </c>
      <c r="AG120" s="1061"/>
      <c r="AH120" s="1061"/>
      <c r="AI120" s="1061"/>
      <c r="AJ120" s="1062"/>
      <c r="AK120" s="1063" t="s">
        <v>
178</v>
      </c>
      <c r="AL120" s="1061"/>
      <c r="AM120" s="1061"/>
      <c r="AN120" s="1061"/>
      <c r="AO120" s="1062"/>
      <c r="AP120" s="1064" t="s">
        <v>
178</v>
      </c>
      <c r="AQ120" s="1065"/>
      <c r="AR120" s="1065"/>
      <c r="AS120" s="1065"/>
      <c r="AT120" s="1066"/>
      <c r="AU120" s="1091" t="s">
        <v>
466</v>
      </c>
      <c r="AV120" s="1092"/>
      <c r="AW120" s="1092"/>
      <c r="AX120" s="1092"/>
      <c r="AY120" s="1093"/>
      <c r="AZ120" s="1042" t="s">
        <v>
467</v>
      </c>
      <c r="BA120" s="991"/>
      <c r="BB120" s="991"/>
      <c r="BC120" s="991"/>
      <c r="BD120" s="991"/>
      <c r="BE120" s="991"/>
      <c r="BF120" s="991"/>
      <c r="BG120" s="991"/>
      <c r="BH120" s="991"/>
      <c r="BI120" s="991"/>
      <c r="BJ120" s="991"/>
      <c r="BK120" s="991"/>
      <c r="BL120" s="991"/>
      <c r="BM120" s="991"/>
      <c r="BN120" s="991"/>
      <c r="BO120" s="991"/>
      <c r="BP120" s="992"/>
      <c r="BQ120" s="1028">
        <v>
46895751</v>
      </c>
      <c r="BR120" s="1029"/>
      <c r="BS120" s="1029"/>
      <c r="BT120" s="1029"/>
      <c r="BU120" s="1029"/>
      <c r="BV120" s="1029">
        <v>
53152501</v>
      </c>
      <c r="BW120" s="1029"/>
      <c r="BX120" s="1029"/>
      <c r="BY120" s="1029"/>
      <c r="BZ120" s="1029"/>
      <c r="CA120" s="1029">
        <v>
57649099</v>
      </c>
      <c r="CB120" s="1029"/>
      <c r="CC120" s="1029"/>
      <c r="CD120" s="1029"/>
      <c r="CE120" s="1029"/>
      <c r="CF120" s="1043">
        <v>
67.8</v>
      </c>
      <c r="CG120" s="1044"/>
      <c r="CH120" s="1044"/>
      <c r="CI120" s="1044"/>
      <c r="CJ120" s="1044"/>
      <c r="CK120" s="1109" t="s">
        <v>
468</v>
      </c>
      <c r="CL120" s="1110"/>
      <c r="CM120" s="1110"/>
      <c r="CN120" s="1110"/>
      <c r="CO120" s="1111"/>
      <c r="CP120" s="1117" t="s">
        <v>
411</v>
      </c>
      <c r="CQ120" s="1118"/>
      <c r="CR120" s="1118"/>
      <c r="CS120" s="1118"/>
      <c r="CT120" s="1118"/>
      <c r="CU120" s="1118"/>
      <c r="CV120" s="1118"/>
      <c r="CW120" s="1118"/>
      <c r="CX120" s="1118"/>
      <c r="CY120" s="1118"/>
      <c r="CZ120" s="1118"/>
      <c r="DA120" s="1118"/>
      <c r="DB120" s="1118"/>
      <c r="DC120" s="1118"/>
      <c r="DD120" s="1118"/>
      <c r="DE120" s="1118"/>
      <c r="DF120" s="1119"/>
      <c r="DG120" s="1028" t="s">
        <v>
178</v>
      </c>
      <c r="DH120" s="1029"/>
      <c r="DI120" s="1029"/>
      <c r="DJ120" s="1029"/>
      <c r="DK120" s="1029"/>
      <c r="DL120" s="1029" t="s">
        <v>
178</v>
      </c>
      <c r="DM120" s="1029"/>
      <c r="DN120" s="1029"/>
      <c r="DO120" s="1029"/>
      <c r="DP120" s="1029"/>
      <c r="DQ120" s="1029" t="s">
        <v>
178</v>
      </c>
      <c r="DR120" s="1029"/>
      <c r="DS120" s="1029"/>
      <c r="DT120" s="1029"/>
      <c r="DU120" s="1029"/>
      <c r="DV120" s="1030" t="s">
        <v>
178</v>
      </c>
      <c r="DW120" s="1030"/>
      <c r="DX120" s="1030"/>
      <c r="DY120" s="1030"/>
      <c r="DZ120" s="1031"/>
    </row>
    <row r="121" spans="1:130" s="247" customFormat="1" ht="26.25" customHeight="1" x14ac:dyDescent="0.2">
      <c r="A121" s="1161"/>
      <c r="B121" s="1048"/>
      <c r="C121" s="1069" t="s">
        <v>
469</v>
      </c>
      <c r="D121" s="1070"/>
      <c r="E121" s="1070"/>
      <c r="F121" s="1070"/>
      <c r="G121" s="1070"/>
      <c r="H121" s="1070"/>
      <c r="I121" s="1070"/>
      <c r="J121" s="1070"/>
      <c r="K121" s="1070"/>
      <c r="L121" s="1070"/>
      <c r="M121" s="1070"/>
      <c r="N121" s="1070"/>
      <c r="O121" s="1070"/>
      <c r="P121" s="1070"/>
      <c r="Q121" s="1070"/>
      <c r="R121" s="1070"/>
      <c r="S121" s="1070"/>
      <c r="T121" s="1070"/>
      <c r="U121" s="1070"/>
      <c r="V121" s="1070"/>
      <c r="W121" s="1070"/>
      <c r="X121" s="1070"/>
      <c r="Y121" s="1070"/>
      <c r="Z121" s="1071"/>
      <c r="AA121" s="1060" t="s">
        <v>
178</v>
      </c>
      <c r="AB121" s="1061"/>
      <c r="AC121" s="1061"/>
      <c r="AD121" s="1061"/>
      <c r="AE121" s="1062"/>
      <c r="AF121" s="1063" t="s">
        <v>
178</v>
      </c>
      <c r="AG121" s="1061"/>
      <c r="AH121" s="1061"/>
      <c r="AI121" s="1061"/>
      <c r="AJ121" s="1062"/>
      <c r="AK121" s="1063" t="s">
        <v>
178</v>
      </c>
      <c r="AL121" s="1061"/>
      <c r="AM121" s="1061"/>
      <c r="AN121" s="1061"/>
      <c r="AO121" s="1062"/>
      <c r="AP121" s="1064" t="s">
        <v>
178</v>
      </c>
      <c r="AQ121" s="1065"/>
      <c r="AR121" s="1065"/>
      <c r="AS121" s="1065"/>
      <c r="AT121" s="1066"/>
      <c r="AU121" s="1094"/>
      <c r="AV121" s="1095"/>
      <c r="AW121" s="1095"/>
      <c r="AX121" s="1095"/>
      <c r="AY121" s="1096"/>
      <c r="AZ121" s="1051" t="s">
        <v>
470</v>
      </c>
      <c r="BA121" s="1052"/>
      <c r="BB121" s="1052"/>
      <c r="BC121" s="1052"/>
      <c r="BD121" s="1052"/>
      <c r="BE121" s="1052"/>
      <c r="BF121" s="1052"/>
      <c r="BG121" s="1052"/>
      <c r="BH121" s="1052"/>
      <c r="BI121" s="1052"/>
      <c r="BJ121" s="1052"/>
      <c r="BK121" s="1052"/>
      <c r="BL121" s="1052"/>
      <c r="BM121" s="1052"/>
      <c r="BN121" s="1052"/>
      <c r="BO121" s="1052"/>
      <c r="BP121" s="1053"/>
      <c r="BQ121" s="1021">
        <v>
1489</v>
      </c>
      <c r="BR121" s="1022"/>
      <c r="BS121" s="1022"/>
      <c r="BT121" s="1022"/>
      <c r="BU121" s="1022"/>
      <c r="BV121" s="1022" t="s">
        <v>
178</v>
      </c>
      <c r="BW121" s="1022"/>
      <c r="BX121" s="1022"/>
      <c r="BY121" s="1022"/>
      <c r="BZ121" s="1022"/>
      <c r="CA121" s="1022" t="s">
        <v>
178</v>
      </c>
      <c r="CB121" s="1022"/>
      <c r="CC121" s="1022"/>
      <c r="CD121" s="1022"/>
      <c r="CE121" s="1022"/>
      <c r="CF121" s="1016" t="s">
        <v>
178</v>
      </c>
      <c r="CG121" s="1017"/>
      <c r="CH121" s="1017"/>
      <c r="CI121" s="1017"/>
      <c r="CJ121" s="1017"/>
      <c r="CK121" s="1112"/>
      <c r="CL121" s="1113"/>
      <c r="CM121" s="1113"/>
      <c r="CN121" s="1113"/>
      <c r="CO121" s="1114"/>
      <c r="CP121" s="1122" t="s">
        <v>
412</v>
      </c>
      <c r="CQ121" s="1123"/>
      <c r="CR121" s="1123"/>
      <c r="CS121" s="1123"/>
      <c r="CT121" s="1123"/>
      <c r="CU121" s="1123"/>
      <c r="CV121" s="1123"/>
      <c r="CW121" s="1123"/>
      <c r="CX121" s="1123"/>
      <c r="CY121" s="1123"/>
      <c r="CZ121" s="1123"/>
      <c r="DA121" s="1123"/>
      <c r="DB121" s="1123"/>
      <c r="DC121" s="1123"/>
      <c r="DD121" s="1123"/>
      <c r="DE121" s="1123"/>
      <c r="DF121" s="1124"/>
      <c r="DG121" s="1021" t="s">
        <v>
178</v>
      </c>
      <c r="DH121" s="1022"/>
      <c r="DI121" s="1022"/>
      <c r="DJ121" s="1022"/>
      <c r="DK121" s="1022"/>
      <c r="DL121" s="1022" t="s">
        <v>
178</v>
      </c>
      <c r="DM121" s="1022"/>
      <c r="DN121" s="1022"/>
      <c r="DO121" s="1022"/>
      <c r="DP121" s="1022"/>
      <c r="DQ121" s="1022" t="s">
        <v>
178</v>
      </c>
      <c r="DR121" s="1022"/>
      <c r="DS121" s="1022"/>
      <c r="DT121" s="1022"/>
      <c r="DU121" s="1022"/>
      <c r="DV121" s="1023" t="s">
        <v>
178</v>
      </c>
      <c r="DW121" s="1023"/>
      <c r="DX121" s="1023"/>
      <c r="DY121" s="1023"/>
      <c r="DZ121" s="1024"/>
    </row>
    <row r="122" spans="1:130" s="247" customFormat="1" ht="26.25" customHeight="1" x14ac:dyDescent="0.2">
      <c r="A122" s="1161"/>
      <c r="B122" s="1048"/>
      <c r="C122" s="1018" t="s">
        <v>
452</v>
      </c>
      <c r="D122" s="1019"/>
      <c r="E122" s="1019"/>
      <c r="F122" s="1019"/>
      <c r="G122" s="1019"/>
      <c r="H122" s="1019"/>
      <c r="I122" s="1019"/>
      <c r="J122" s="1019"/>
      <c r="K122" s="1019"/>
      <c r="L122" s="1019"/>
      <c r="M122" s="1019"/>
      <c r="N122" s="1019"/>
      <c r="O122" s="1019"/>
      <c r="P122" s="1019"/>
      <c r="Q122" s="1019"/>
      <c r="R122" s="1019"/>
      <c r="S122" s="1019"/>
      <c r="T122" s="1019"/>
      <c r="U122" s="1019"/>
      <c r="V122" s="1019"/>
      <c r="W122" s="1019"/>
      <c r="X122" s="1019"/>
      <c r="Y122" s="1019"/>
      <c r="Z122" s="1020"/>
      <c r="AA122" s="1060" t="s">
        <v>
178</v>
      </c>
      <c r="AB122" s="1061"/>
      <c r="AC122" s="1061"/>
      <c r="AD122" s="1061"/>
      <c r="AE122" s="1062"/>
      <c r="AF122" s="1063" t="s">
        <v>
178</v>
      </c>
      <c r="AG122" s="1061"/>
      <c r="AH122" s="1061"/>
      <c r="AI122" s="1061"/>
      <c r="AJ122" s="1062"/>
      <c r="AK122" s="1063" t="s">
        <v>
178</v>
      </c>
      <c r="AL122" s="1061"/>
      <c r="AM122" s="1061"/>
      <c r="AN122" s="1061"/>
      <c r="AO122" s="1062"/>
      <c r="AP122" s="1064" t="s">
        <v>
178</v>
      </c>
      <c r="AQ122" s="1065"/>
      <c r="AR122" s="1065"/>
      <c r="AS122" s="1065"/>
      <c r="AT122" s="1066"/>
      <c r="AU122" s="1094"/>
      <c r="AV122" s="1095"/>
      <c r="AW122" s="1095"/>
      <c r="AX122" s="1095"/>
      <c r="AY122" s="1096"/>
      <c r="AZ122" s="1076" t="s">
        <v>
471</v>
      </c>
      <c r="BA122" s="1067"/>
      <c r="BB122" s="1067"/>
      <c r="BC122" s="1067"/>
      <c r="BD122" s="1067"/>
      <c r="BE122" s="1067"/>
      <c r="BF122" s="1067"/>
      <c r="BG122" s="1067"/>
      <c r="BH122" s="1067"/>
      <c r="BI122" s="1067"/>
      <c r="BJ122" s="1067"/>
      <c r="BK122" s="1067"/>
      <c r="BL122" s="1067"/>
      <c r="BM122" s="1067"/>
      <c r="BN122" s="1067"/>
      <c r="BO122" s="1067"/>
      <c r="BP122" s="1068"/>
      <c r="BQ122" s="1099">
        <v>
55286003</v>
      </c>
      <c r="BR122" s="1100"/>
      <c r="BS122" s="1100"/>
      <c r="BT122" s="1100"/>
      <c r="BU122" s="1100"/>
      <c r="BV122" s="1100">
        <v>
50297253</v>
      </c>
      <c r="BW122" s="1100"/>
      <c r="BX122" s="1100"/>
      <c r="BY122" s="1100"/>
      <c r="BZ122" s="1100"/>
      <c r="CA122" s="1100">
        <v>
45500241</v>
      </c>
      <c r="CB122" s="1100"/>
      <c r="CC122" s="1100"/>
      <c r="CD122" s="1100"/>
      <c r="CE122" s="1100"/>
      <c r="CF122" s="1120">
        <v>
53.5</v>
      </c>
      <c r="CG122" s="1121"/>
      <c r="CH122" s="1121"/>
      <c r="CI122" s="1121"/>
      <c r="CJ122" s="1121"/>
      <c r="CK122" s="1112"/>
      <c r="CL122" s="1113"/>
      <c r="CM122" s="1113"/>
      <c r="CN122" s="1113"/>
      <c r="CO122" s="1114"/>
      <c r="CP122" s="1122" t="s">
        <v>
410</v>
      </c>
      <c r="CQ122" s="1123"/>
      <c r="CR122" s="1123"/>
      <c r="CS122" s="1123"/>
      <c r="CT122" s="1123"/>
      <c r="CU122" s="1123"/>
      <c r="CV122" s="1123"/>
      <c r="CW122" s="1123"/>
      <c r="CX122" s="1123"/>
      <c r="CY122" s="1123"/>
      <c r="CZ122" s="1123"/>
      <c r="DA122" s="1123"/>
      <c r="DB122" s="1123"/>
      <c r="DC122" s="1123"/>
      <c r="DD122" s="1123"/>
      <c r="DE122" s="1123"/>
      <c r="DF122" s="1124"/>
      <c r="DG122" s="1021" t="s">
        <v>
178</v>
      </c>
      <c r="DH122" s="1022"/>
      <c r="DI122" s="1022"/>
      <c r="DJ122" s="1022"/>
      <c r="DK122" s="1022"/>
      <c r="DL122" s="1022" t="s">
        <v>
178</v>
      </c>
      <c r="DM122" s="1022"/>
      <c r="DN122" s="1022"/>
      <c r="DO122" s="1022"/>
      <c r="DP122" s="1022"/>
      <c r="DQ122" s="1022" t="s">
        <v>
178</v>
      </c>
      <c r="DR122" s="1022"/>
      <c r="DS122" s="1022"/>
      <c r="DT122" s="1022"/>
      <c r="DU122" s="1022"/>
      <c r="DV122" s="1023" t="s">
        <v>
178</v>
      </c>
      <c r="DW122" s="1023"/>
      <c r="DX122" s="1023"/>
      <c r="DY122" s="1023"/>
      <c r="DZ122" s="1024"/>
    </row>
    <row r="123" spans="1:130" s="247" customFormat="1" ht="26.25" customHeight="1" x14ac:dyDescent="0.2">
      <c r="A123" s="1161"/>
      <c r="B123" s="1048"/>
      <c r="C123" s="1018" t="s">
        <v>
458</v>
      </c>
      <c r="D123" s="1019"/>
      <c r="E123" s="1019"/>
      <c r="F123" s="1019"/>
      <c r="G123" s="1019"/>
      <c r="H123" s="1019"/>
      <c r="I123" s="1019"/>
      <c r="J123" s="1019"/>
      <c r="K123" s="1019"/>
      <c r="L123" s="1019"/>
      <c r="M123" s="1019"/>
      <c r="N123" s="1019"/>
      <c r="O123" s="1019"/>
      <c r="P123" s="1019"/>
      <c r="Q123" s="1019"/>
      <c r="R123" s="1019"/>
      <c r="S123" s="1019"/>
      <c r="T123" s="1019"/>
      <c r="U123" s="1019"/>
      <c r="V123" s="1019"/>
      <c r="W123" s="1019"/>
      <c r="X123" s="1019"/>
      <c r="Y123" s="1019"/>
      <c r="Z123" s="1020"/>
      <c r="AA123" s="1060">
        <v>
54335</v>
      </c>
      <c r="AB123" s="1061"/>
      <c r="AC123" s="1061"/>
      <c r="AD123" s="1061"/>
      <c r="AE123" s="1062"/>
      <c r="AF123" s="1063">
        <v>
42825</v>
      </c>
      <c r="AG123" s="1061"/>
      <c r="AH123" s="1061"/>
      <c r="AI123" s="1061"/>
      <c r="AJ123" s="1062"/>
      <c r="AK123" s="1063">
        <v>
32000</v>
      </c>
      <c r="AL123" s="1061"/>
      <c r="AM123" s="1061"/>
      <c r="AN123" s="1061"/>
      <c r="AO123" s="1062"/>
      <c r="AP123" s="1064">
        <v>
0</v>
      </c>
      <c r="AQ123" s="1065"/>
      <c r="AR123" s="1065"/>
      <c r="AS123" s="1065"/>
      <c r="AT123" s="1066"/>
      <c r="AU123" s="1097"/>
      <c r="AV123" s="1098"/>
      <c r="AW123" s="1098"/>
      <c r="AX123" s="1098"/>
      <c r="AY123" s="1098"/>
      <c r="AZ123" s="278" t="s">
        <v>
193</v>
      </c>
      <c r="BA123" s="278"/>
      <c r="BB123" s="278"/>
      <c r="BC123" s="278"/>
      <c r="BD123" s="278"/>
      <c r="BE123" s="278"/>
      <c r="BF123" s="278"/>
      <c r="BG123" s="278"/>
      <c r="BH123" s="278"/>
      <c r="BI123" s="278"/>
      <c r="BJ123" s="278"/>
      <c r="BK123" s="278"/>
      <c r="BL123" s="278"/>
      <c r="BM123" s="278"/>
      <c r="BN123" s="278"/>
      <c r="BO123" s="1077" t="s">
        <v>
472</v>
      </c>
      <c r="BP123" s="1108"/>
      <c r="BQ123" s="1167">
        <v>
102183243</v>
      </c>
      <c r="BR123" s="1168"/>
      <c r="BS123" s="1168"/>
      <c r="BT123" s="1168"/>
      <c r="BU123" s="1168"/>
      <c r="BV123" s="1168">
        <v>
103449754</v>
      </c>
      <c r="BW123" s="1168"/>
      <c r="BX123" s="1168"/>
      <c r="BY123" s="1168"/>
      <c r="BZ123" s="1168"/>
      <c r="CA123" s="1168">
        <v>
103149340</v>
      </c>
      <c r="CB123" s="1168"/>
      <c r="CC123" s="1168"/>
      <c r="CD123" s="1168"/>
      <c r="CE123" s="1168"/>
      <c r="CF123" s="1101"/>
      <c r="CG123" s="1102"/>
      <c r="CH123" s="1102"/>
      <c r="CI123" s="1102"/>
      <c r="CJ123" s="1103"/>
      <c r="CK123" s="1112"/>
      <c r="CL123" s="1113"/>
      <c r="CM123" s="1113"/>
      <c r="CN123" s="1113"/>
      <c r="CO123" s="1114"/>
      <c r="CP123" s="1122"/>
      <c r="CQ123" s="1123"/>
      <c r="CR123" s="1123"/>
      <c r="CS123" s="1123"/>
      <c r="CT123" s="1123"/>
      <c r="CU123" s="1123"/>
      <c r="CV123" s="1123"/>
      <c r="CW123" s="1123"/>
      <c r="CX123" s="1123"/>
      <c r="CY123" s="1123"/>
      <c r="CZ123" s="1123"/>
      <c r="DA123" s="1123"/>
      <c r="DB123" s="1123"/>
      <c r="DC123" s="1123"/>
      <c r="DD123" s="1123"/>
      <c r="DE123" s="1123"/>
      <c r="DF123" s="1124"/>
      <c r="DG123" s="1060"/>
      <c r="DH123" s="1061"/>
      <c r="DI123" s="1061"/>
      <c r="DJ123" s="1061"/>
      <c r="DK123" s="1062"/>
      <c r="DL123" s="1063"/>
      <c r="DM123" s="1061"/>
      <c r="DN123" s="1061"/>
      <c r="DO123" s="1061"/>
      <c r="DP123" s="1062"/>
      <c r="DQ123" s="1063"/>
      <c r="DR123" s="1061"/>
      <c r="DS123" s="1061"/>
      <c r="DT123" s="1061"/>
      <c r="DU123" s="1062"/>
      <c r="DV123" s="1064"/>
      <c r="DW123" s="1065"/>
      <c r="DX123" s="1065"/>
      <c r="DY123" s="1065"/>
      <c r="DZ123" s="1066"/>
    </row>
    <row r="124" spans="1:130" s="247" customFormat="1" ht="26.25" customHeight="1" thickBot="1" x14ac:dyDescent="0.25">
      <c r="A124" s="1161"/>
      <c r="B124" s="1048"/>
      <c r="C124" s="1018" t="s">
        <v>
461</v>
      </c>
      <c r="D124" s="1019"/>
      <c r="E124" s="1019"/>
      <c r="F124" s="1019"/>
      <c r="G124" s="1019"/>
      <c r="H124" s="1019"/>
      <c r="I124" s="1019"/>
      <c r="J124" s="1019"/>
      <c r="K124" s="1019"/>
      <c r="L124" s="1019"/>
      <c r="M124" s="1019"/>
      <c r="N124" s="1019"/>
      <c r="O124" s="1019"/>
      <c r="P124" s="1019"/>
      <c r="Q124" s="1019"/>
      <c r="R124" s="1019"/>
      <c r="S124" s="1019"/>
      <c r="T124" s="1019"/>
      <c r="U124" s="1019"/>
      <c r="V124" s="1019"/>
      <c r="W124" s="1019"/>
      <c r="X124" s="1019"/>
      <c r="Y124" s="1019"/>
      <c r="Z124" s="1020"/>
      <c r="AA124" s="1060" t="s">
        <v>
178</v>
      </c>
      <c r="AB124" s="1061"/>
      <c r="AC124" s="1061"/>
      <c r="AD124" s="1061"/>
      <c r="AE124" s="1062"/>
      <c r="AF124" s="1063" t="s">
        <v>
178</v>
      </c>
      <c r="AG124" s="1061"/>
      <c r="AH124" s="1061"/>
      <c r="AI124" s="1061"/>
      <c r="AJ124" s="1062"/>
      <c r="AK124" s="1063" t="s">
        <v>
178</v>
      </c>
      <c r="AL124" s="1061"/>
      <c r="AM124" s="1061"/>
      <c r="AN124" s="1061"/>
      <c r="AO124" s="1062"/>
      <c r="AP124" s="1064" t="s">
        <v>
178</v>
      </c>
      <c r="AQ124" s="1065"/>
      <c r="AR124" s="1065"/>
      <c r="AS124" s="1065"/>
      <c r="AT124" s="1066"/>
      <c r="AU124" s="1163" t="s">
        <v>
473</v>
      </c>
      <c r="AV124" s="1164"/>
      <c r="AW124" s="1164"/>
      <c r="AX124" s="1164"/>
      <c r="AY124" s="1164"/>
      <c r="AZ124" s="1164"/>
      <c r="BA124" s="1164"/>
      <c r="BB124" s="1164"/>
      <c r="BC124" s="1164"/>
      <c r="BD124" s="1164"/>
      <c r="BE124" s="1164"/>
      <c r="BF124" s="1164"/>
      <c r="BG124" s="1164"/>
      <c r="BH124" s="1164"/>
      <c r="BI124" s="1164"/>
      <c r="BJ124" s="1164"/>
      <c r="BK124" s="1164"/>
      <c r="BL124" s="1164"/>
      <c r="BM124" s="1164"/>
      <c r="BN124" s="1164"/>
      <c r="BO124" s="1164"/>
      <c r="BP124" s="1165"/>
      <c r="BQ124" s="1166" t="s">
        <v>
178</v>
      </c>
      <c r="BR124" s="1130"/>
      <c r="BS124" s="1130"/>
      <c r="BT124" s="1130"/>
      <c r="BU124" s="1130"/>
      <c r="BV124" s="1130" t="s">
        <v>
178</v>
      </c>
      <c r="BW124" s="1130"/>
      <c r="BX124" s="1130"/>
      <c r="BY124" s="1130"/>
      <c r="BZ124" s="1130"/>
      <c r="CA124" s="1130" t="s">
        <v>
178</v>
      </c>
      <c r="CB124" s="1130"/>
      <c r="CC124" s="1130"/>
      <c r="CD124" s="1130"/>
      <c r="CE124" s="1130"/>
      <c r="CF124" s="1131"/>
      <c r="CG124" s="1132"/>
      <c r="CH124" s="1132"/>
      <c r="CI124" s="1132"/>
      <c r="CJ124" s="1133"/>
      <c r="CK124" s="1115"/>
      <c r="CL124" s="1115"/>
      <c r="CM124" s="1115"/>
      <c r="CN124" s="1115"/>
      <c r="CO124" s="1116"/>
      <c r="CP124" s="1122" t="s">
        <v>
474</v>
      </c>
      <c r="CQ124" s="1123"/>
      <c r="CR124" s="1123"/>
      <c r="CS124" s="1123"/>
      <c r="CT124" s="1123"/>
      <c r="CU124" s="1123"/>
      <c r="CV124" s="1123"/>
      <c r="CW124" s="1123"/>
      <c r="CX124" s="1123"/>
      <c r="CY124" s="1123"/>
      <c r="CZ124" s="1123"/>
      <c r="DA124" s="1123"/>
      <c r="DB124" s="1123"/>
      <c r="DC124" s="1123"/>
      <c r="DD124" s="1123"/>
      <c r="DE124" s="1123"/>
      <c r="DF124" s="1124"/>
      <c r="DG124" s="1107" t="s">
        <v>
178</v>
      </c>
      <c r="DH124" s="1086"/>
      <c r="DI124" s="1086"/>
      <c r="DJ124" s="1086"/>
      <c r="DK124" s="1087"/>
      <c r="DL124" s="1085" t="s">
        <v>
178</v>
      </c>
      <c r="DM124" s="1086"/>
      <c r="DN124" s="1086"/>
      <c r="DO124" s="1086"/>
      <c r="DP124" s="1087"/>
      <c r="DQ124" s="1085" t="s">
        <v>
178</v>
      </c>
      <c r="DR124" s="1086"/>
      <c r="DS124" s="1086"/>
      <c r="DT124" s="1086"/>
      <c r="DU124" s="1087"/>
      <c r="DV124" s="1088" t="s">
        <v>
178</v>
      </c>
      <c r="DW124" s="1089"/>
      <c r="DX124" s="1089"/>
      <c r="DY124" s="1089"/>
      <c r="DZ124" s="1090"/>
    </row>
    <row r="125" spans="1:130" s="247" customFormat="1" ht="26.25" customHeight="1" x14ac:dyDescent="0.2">
      <c r="A125" s="1161"/>
      <c r="B125" s="1048"/>
      <c r="C125" s="1018" t="s">
        <v>
463</v>
      </c>
      <c r="D125" s="1019"/>
      <c r="E125" s="1019"/>
      <c r="F125" s="1019"/>
      <c r="G125" s="1019"/>
      <c r="H125" s="1019"/>
      <c r="I125" s="1019"/>
      <c r="J125" s="1019"/>
      <c r="K125" s="1019"/>
      <c r="L125" s="1019"/>
      <c r="M125" s="1019"/>
      <c r="N125" s="1019"/>
      <c r="O125" s="1019"/>
      <c r="P125" s="1019"/>
      <c r="Q125" s="1019"/>
      <c r="R125" s="1019"/>
      <c r="S125" s="1019"/>
      <c r="T125" s="1019"/>
      <c r="U125" s="1019"/>
      <c r="V125" s="1019"/>
      <c r="W125" s="1019"/>
      <c r="X125" s="1019"/>
      <c r="Y125" s="1019"/>
      <c r="Z125" s="1020"/>
      <c r="AA125" s="1060" t="s">
        <v>
178</v>
      </c>
      <c r="AB125" s="1061"/>
      <c r="AC125" s="1061"/>
      <c r="AD125" s="1061"/>
      <c r="AE125" s="1062"/>
      <c r="AF125" s="1063" t="s">
        <v>
178</v>
      </c>
      <c r="AG125" s="1061"/>
      <c r="AH125" s="1061"/>
      <c r="AI125" s="1061"/>
      <c r="AJ125" s="1062"/>
      <c r="AK125" s="1063" t="s">
        <v>
178</v>
      </c>
      <c r="AL125" s="1061"/>
      <c r="AM125" s="1061"/>
      <c r="AN125" s="1061"/>
      <c r="AO125" s="1062"/>
      <c r="AP125" s="1064" t="s">
        <v>
178</v>
      </c>
      <c r="AQ125" s="1065"/>
      <c r="AR125" s="1065"/>
      <c r="AS125" s="1065"/>
      <c r="AT125" s="1066"/>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1125" t="s">
        <v>
475</v>
      </c>
      <c r="CL125" s="1110"/>
      <c r="CM125" s="1110"/>
      <c r="CN125" s="1110"/>
      <c r="CO125" s="1111"/>
      <c r="CP125" s="1042" t="s">
        <v>
476</v>
      </c>
      <c r="CQ125" s="991"/>
      <c r="CR125" s="991"/>
      <c r="CS125" s="991"/>
      <c r="CT125" s="991"/>
      <c r="CU125" s="991"/>
      <c r="CV125" s="991"/>
      <c r="CW125" s="991"/>
      <c r="CX125" s="991"/>
      <c r="CY125" s="991"/>
      <c r="CZ125" s="991"/>
      <c r="DA125" s="991"/>
      <c r="DB125" s="991"/>
      <c r="DC125" s="991"/>
      <c r="DD125" s="991"/>
      <c r="DE125" s="991"/>
      <c r="DF125" s="992"/>
      <c r="DG125" s="1028" t="s">
        <v>
178</v>
      </c>
      <c r="DH125" s="1029"/>
      <c r="DI125" s="1029"/>
      <c r="DJ125" s="1029"/>
      <c r="DK125" s="1029"/>
      <c r="DL125" s="1029" t="s">
        <v>
178</v>
      </c>
      <c r="DM125" s="1029"/>
      <c r="DN125" s="1029"/>
      <c r="DO125" s="1029"/>
      <c r="DP125" s="1029"/>
      <c r="DQ125" s="1029" t="s">
        <v>
178</v>
      </c>
      <c r="DR125" s="1029"/>
      <c r="DS125" s="1029"/>
      <c r="DT125" s="1029"/>
      <c r="DU125" s="1029"/>
      <c r="DV125" s="1030" t="s">
        <v>
178</v>
      </c>
      <c r="DW125" s="1030"/>
      <c r="DX125" s="1030"/>
      <c r="DY125" s="1030"/>
      <c r="DZ125" s="1031"/>
    </row>
    <row r="126" spans="1:130" s="247" customFormat="1" ht="26.25" customHeight="1" thickBot="1" x14ac:dyDescent="0.25">
      <c r="A126" s="1161"/>
      <c r="B126" s="1048"/>
      <c r="C126" s="1018" t="s">
        <v>
465</v>
      </c>
      <c r="D126" s="1019"/>
      <c r="E126" s="1019"/>
      <c r="F126" s="1019"/>
      <c r="G126" s="1019"/>
      <c r="H126" s="1019"/>
      <c r="I126" s="1019"/>
      <c r="J126" s="1019"/>
      <c r="K126" s="1019"/>
      <c r="L126" s="1019"/>
      <c r="M126" s="1019"/>
      <c r="N126" s="1019"/>
      <c r="O126" s="1019"/>
      <c r="P126" s="1019"/>
      <c r="Q126" s="1019"/>
      <c r="R126" s="1019"/>
      <c r="S126" s="1019"/>
      <c r="T126" s="1019"/>
      <c r="U126" s="1019"/>
      <c r="V126" s="1019"/>
      <c r="W126" s="1019"/>
      <c r="X126" s="1019"/>
      <c r="Y126" s="1019"/>
      <c r="Z126" s="1020"/>
      <c r="AA126" s="1060" t="s">
        <v>
178</v>
      </c>
      <c r="AB126" s="1061"/>
      <c r="AC126" s="1061"/>
      <c r="AD126" s="1061"/>
      <c r="AE126" s="1062"/>
      <c r="AF126" s="1063" t="s">
        <v>
178</v>
      </c>
      <c r="AG126" s="1061"/>
      <c r="AH126" s="1061"/>
      <c r="AI126" s="1061"/>
      <c r="AJ126" s="1062"/>
      <c r="AK126" s="1063" t="s">
        <v>
178</v>
      </c>
      <c r="AL126" s="1061"/>
      <c r="AM126" s="1061"/>
      <c r="AN126" s="1061"/>
      <c r="AO126" s="1062"/>
      <c r="AP126" s="1064" t="s">
        <v>
178</v>
      </c>
      <c r="AQ126" s="1065"/>
      <c r="AR126" s="1065"/>
      <c r="AS126" s="1065"/>
      <c r="AT126" s="1066"/>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1126"/>
      <c r="CL126" s="1113"/>
      <c r="CM126" s="1113"/>
      <c r="CN126" s="1113"/>
      <c r="CO126" s="1114"/>
      <c r="CP126" s="1051" t="s">
        <v>
477</v>
      </c>
      <c r="CQ126" s="1052"/>
      <c r="CR126" s="1052"/>
      <c r="CS126" s="1052"/>
      <c r="CT126" s="1052"/>
      <c r="CU126" s="1052"/>
      <c r="CV126" s="1052"/>
      <c r="CW126" s="1052"/>
      <c r="CX126" s="1052"/>
      <c r="CY126" s="1052"/>
      <c r="CZ126" s="1052"/>
      <c r="DA126" s="1052"/>
      <c r="DB126" s="1052"/>
      <c r="DC126" s="1052"/>
      <c r="DD126" s="1052"/>
      <c r="DE126" s="1052"/>
      <c r="DF126" s="1053"/>
      <c r="DG126" s="1021" t="s">
        <v>
178</v>
      </c>
      <c r="DH126" s="1022"/>
      <c r="DI126" s="1022"/>
      <c r="DJ126" s="1022"/>
      <c r="DK126" s="1022"/>
      <c r="DL126" s="1022" t="s">
        <v>
178</v>
      </c>
      <c r="DM126" s="1022"/>
      <c r="DN126" s="1022"/>
      <c r="DO126" s="1022"/>
      <c r="DP126" s="1022"/>
      <c r="DQ126" s="1022" t="s">
        <v>
178</v>
      </c>
      <c r="DR126" s="1022"/>
      <c r="DS126" s="1022"/>
      <c r="DT126" s="1022"/>
      <c r="DU126" s="1022"/>
      <c r="DV126" s="1023" t="s">
        <v>
178</v>
      </c>
      <c r="DW126" s="1023"/>
      <c r="DX126" s="1023"/>
      <c r="DY126" s="1023"/>
      <c r="DZ126" s="1024"/>
    </row>
    <row r="127" spans="1:130" s="247" customFormat="1" ht="26.25" customHeight="1" x14ac:dyDescent="0.2">
      <c r="A127" s="1162"/>
      <c r="B127" s="1050"/>
      <c r="C127" s="1104" t="s">
        <v>
478</v>
      </c>
      <c r="D127" s="1105"/>
      <c r="E127" s="1105"/>
      <c r="F127" s="1105"/>
      <c r="G127" s="1105"/>
      <c r="H127" s="1105"/>
      <c r="I127" s="1105"/>
      <c r="J127" s="1105"/>
      <c r="K127" s="1105"/>
      <c r="L127" s="1105"/>
      <c r="M127" s="1105"/>
      <c r="N127" s="1105"/>
      <c r="O127" s="1105"/>
      <c r="P127" s="1105"/>
      <c r="Q127" s="1105"/>
      <c r="R127" s="1105"/>
      <c r="S127" s="1105"/>
      <c r="T127" s="1105"/>
      <c r="U127" s="1105"/>
      <c r="V127" s="1105"/>
      <c r="W127" s="1105"/>
      <c r="X127" s="1105"/>
      <c r="Y127" s="1105"/>
      <c r="Z127" s="1106"/>
      <c r="AA127" s="1060">
        <v>
193463</v>
      </c>
      <c r="AB127" s="1061"/>
      <c r="AC127" s="1061"/>
      <c r="AD127" s="1061"/>
      <c r="AE127" s="1062"/>
      <c r="AF127" s="1063">
        <v>
178316</v>
      </c>
      <c r="AG127" s="1061"/>
      <c r="AH127" s="1061"/>
      <c r="AI127" s="1061"/>
      <c r="AJ127" s="1062"/>
      <c r="AK127" s="1063">
        <v>
167026</v>
      </c>
      <c r="AL127" s="1061"/>
      <c r="AM127" s="1061"/>
      <c r="AN127" s="1061"/>
      <c r="AO127" s="1062"/>
      <c r="AP127" s="1064">
        <v>
0.2</v>
      </c>
      <c r="AQ127" s="1065"/>
      <c r="AR127" s="1065"/>
      <c r="AS127" s="1065"/>
      <c r="AT127" s="1066"/>
      <c r="AU127" s="283"/>
      <c r="AV127" s="283"/>
      <c r="AW127" s="283"/>
      <c r="AX127" s="1134" t="s">
        <v>
479</v>
      </c>
      <c r="AY127" s="1135"/>
      <c r="AZ127" s="1135"/>
      <c r="BA127" s="1135"/>
      <c r="BB127" s="1135"/>
      <c r="BC127" s="1135"/>
      <c r="BD127" s="1135"/>
      <c r="BE127" s="1136"/>
      <c r="BF127" s="1137" t="s">
        <v>
480</v>
      </c>
      <c r="BG127" s="1135"/>
      <c r="BH127" s="1135"/>
      <c r="BI127" s="1135"/>
      <c r="BJ127" s="1135"/>
      <c r="BK127" s="1135"/>
      <c r="BL127" s="1136"/>
      <c r="BM127" s="1137" t="s">
        <v>
481</v>
      </c>
      <c r="BN127" s="1135"/>
      <c r="BO127" s="1135"/>
      <c r="BP127" s="1135"/>
      <c r="BQ127" s="1135"/>
      <c r="BR127" s="1135"/>
      <c r="BS127" s="1136"/>
      <c r="BT127" s="1137" t="s">
        <v>
482</v>
      </c>
      <c r="BU127" s="1135"/>
      <c r="BV127" s="1135"/>
      <c r="BW127" s="1135"/>
      <c r="BX127" s="1135"/>
      <c r="BY127" s="1135"/>
      <c r="BZ127" s="1159"/>
      <c r="CA127" s="283"/>
      <c r="CB127" s="283"/>
      <c r="CC127" s="283"/>
      <c r="CD127" s="284"/>
      <c r="CE127" s="284"/>
      <c r="CF127" s="284"/>
      <c r="CG127" s="281"/>
      <c r="CH127" s="281"/>
      <c r="CI127" s="281"/>
      <c r="CJ127" s="282"/>
      <c r="CK127" s="1126"/>
      <c r="CL127" s="1113"/>
      <c r="CM127" s="1113"/>
      <c r="CN127" s="1113"/>
      <c r="CO127" s="1114"/>
      <c r="CP127" s="1051" t="s">
        <v>
483</v>
      </c>
      <c r="CQ127" s="1052"/>
      <c r="CR127" s="1052"/>
      <c r="CS127" s="1052"/>
      <c r="CT127" s="1052"/>
      <c r="CU127" s="1052"/>
      <c r="CV127" s="1052"/>
      <c r="CW127" s="1052"/>
      <c r="CX127" s="1052"/>
      <c r="CY127" s="1052"/>
      <c r="CZ127" s="1052"/>
      <c r="DA127" s="1052"/>
      <c r="DB127" s="1052"/>
      <c r="DC127" s="1052"/>
      <c r="DD127" s="1052"/>
      <c r="DE127" s="1052"/>
      <c r="DF127" s="1053"/>
      <c r="DG127" s="1021" t="s">
        <v>
178</v>
      </c>
      <c r="DH127" s="1022"/>
      <c r="DI127" s="1022"/>
      <c r="DJ127" s="1022"/>
      <c r="DK127" s="1022"/>
      <c r="DL127" s="1022" t="s">
        <v>
178</v>
      </c>
      <c r="DM127" s="1022"/>
      <c r="DN127" s="1022"/>
      <c r="DO127" s="1022"/>
      <c r="DP127" s="1022"/>
      <c r="DQ127" s="1022" t="s">
        <v>
178</v>
      </c>
      <c r="DR127" s="1022"/>
      <c r="DS127" s="1022"/>
      <c r="DT127" s="1022"/>
      <c r="DU127" s="1022"/>
      <c r="DV127" s="1023" t="s">
        <v>
178</v>
      </c>
      <c r="DW127" s="1023"/>
      <c r="DX127" s="1023"/>
      <c r="DY127" s="1023"/>
      <c r="DZ127" s="1024"/>
    </row>
    <row r="128" spans="1:130" s="247" customFormat="1" ht="26.25" customHeight="1" thickBot="1" x14ac:dyDescent="0.25">
      <c r="A128" s="1145" t="s">
        <v>
484</v>
      </c>
      <c r="B128" s="1146"/>
      <c r="C128" s="1146"/>
      <c r="D128" s="1146"/>
      <c r="E128" s="1146"/>
      <c r="F128" s="1146"/>
      <c r="G128" s="1146"/>
      <c r="H128" s="1146"/>
      <c r="I128" s="1146"/>
      <c r="J128" s="1146"/>
      <c r="K128" s="1146"/>
      <c r="L128" s="1146"/>
      <c r="M128" s="1146"/>
      <c r="N128" s="1146"/>
      <c r="O128" s="1146"/>
      <c r="P128" s="1146"/>
      <c r="Q128" s="1146"/>
      <c r="R128" s="1146"/>
      <c r="S128" s="1146"/>
      <c r="T128" s="1146"/>
      <c r="U128" s="1146"/>
      <c r="V128" s="1146"/>
      <c r="W128" s="1147" t="s">
        <v>
485</v>
      </c>
      <c r="X128" s="1147"/>
      <c r="Y128" s="1147"/>
      <c r="Z128" s="1148"/>
      <c r="AA128" s="1149" t="s">
        <v>
178</v>
      </c>
      <c r="AB128" s="1150"/>
      <c r="AC128" s="1150"/>
      <c r="AD128" s="1150"/>
      <c r="AE128" s="1151"/>
      <c r="AF128" s="1152" t="s">
        <v>
178</v>
      </c>
      <c r="AG128" s="1150"/>
      <c r="AH128" s="1150"/>
      <c r="AI128" s="1150"/>
      <c r="AJ128" s="1151"/>
      <c r="AK128" s="1152" t="s">
        <v>
178</v>
      </c>
      <c r="AL128" s="1150"/>
      <c r="AM128" s="1150"/>
      <c r="AN128" s="1150"/>
      <c r="AO128" s="1151"/>
      <c r="AP128" s="1153"/>
      <c r="AQ128" s="1154"/>
      <c r="AR128" s="1154"/>
      <c r="AS128" s="1154"/>
      <c r="AT128" s="1155"/>
      <c r="AU128" s="283"/>
      <c r="AV128" s="283"/>
      <c r="AW128" s="283"/>
      <c r="AX128" s="990" t="s">
        <v>
486</v>
      </c>
      <c r="AY128" s="991"/>
      <c r="AZ128" s="991"/>
      <c r="BA128" s="991"/>
      <c r="BB128" s="991"/>
      <c r="BC128" s="991"/>
      <c r="BD128" s="991"/>
      <c r="BE128" s="992"/>
      <c r="BF128" s="1156" t="s">
        <v>
178</v>
      </c>
      <c r="BG128" s="1157"/>
      <c r="BH128" s="1157"/>
      <c r="BI128" s="1157"/>
      <c r="BJ128" s="1157"/>
      <c r="BK128" s="1157"/>
      <c r="BL128" s="1158"/>
      <c r="BM128" s="1156">
        <v>
11.25</v>
      </c>
      <c r="BN128" s="1157"/>
      <c r="BO128" s="1157"/>
      <c r="BP128" s="1157"/>
      <c r="BQ128" s="1157"/>
      <c r="BR128" s="1157"/>
      <c r="BS128" s="1158"/>
      <c r="BT128" s="1156">
        <v>
20</v>
      </c>
      <c r="BU128" s="1157"/>
      <c r="BV128" s="1157"/>
      <c r="BW128" s="1157"/>
      <c r="BX128" s="1157"/>
      <c r="BY128" s="1157"/>
      <c r="BZ128" s="1181"/>
      <c r="CA128" s="284"/>
      <c r="CB128" s="284"/>
      <c r="CC128" s="284"/>
      <c r="CD128" s="284"/>
      <c r="CE128" s="284"/>
      <c r="CF128" s="284"/>
      <c r="CG128" s="281"/>
      <c r="CH128" s="281"/>
      <c r="CI128" s="281"/>
      <c r="CJ128" s="282"/>
      <c r="CK128" s="1127"/>
      <c r="CL128" s="1128"/>
      <c r="CM128" s="1128"/>
      <c r="CN128" s="1128"/>
      <c r="CO128" s="1129"/>
      <c r="CP128" s="1138" t="s">
        <v>
487</v>
      </c>
      <c r="CQ128" s="1139"/>
      <c r="CR128" s="1139"/>
      <c r="CS128" s="1139"/>
      <c r="CT128" s="1139"/>
      <c r="CU128" s="1139"/>
      <c r="CV128" s="1139"/>
      <c r="CW128" s="1139"/>
      <c r="CX128" s="1139"/>
      <c r="CY128" s="1139"/>
      <c r="CZ128" s="1139"/>
      <c r="DA128" s="1139"/>
      <c r="DB128" s="1139"/>
      <c r="DC128" s="1139"/>
      <c r="DD128" s="1139"/>
      <c r="DE128" s="1139"/>
      <c r="DF128" s="1140"/>
      <c r="DG128" s="1141" t="s">
        <v>
178</v>
      </c>
      <c r="DH128" s="1142"/>
      <c r="DI128" s="1142"/>
      <c r="DJ128" s="1142"/>
      <c r="DK128" s="1142"/>
      <c r="DL128" s="1142" t="s">
        <v>
178</v>
      </c>
      <c r="DM128" s="1142"/>
      <c r="DN128" s="1142"/>
      <c r="DO128" s="1142"/>
      <c r="DP128" s="1142"/>
      <c r="DQ128" s="1142" t="s">
        <v>
178</v>
      </c>
      <c r="DR128" s="1142"/>
      <c r="DS128" s="1142"/>
      <c r="DT128" s="1142"/>
      <c r="DU128" s="1142"/>
      <c r="DV128" s="1143" t="s">
        <v>
178</v>
      </c>
      <c r="DW128" s="1143"/>
      <c r="DX128" s="1143"/>
      <c r="DY128" s="1143"/>
      <c r="DZ128" s="1144"/>
    </row>
    <row r="129" spans="1:131" s="247" customFormat="1" ht="26.25" customHeight="1" x14ac:dyDescent="0.2">
      <c r="A129" s="1032" t="s">
        <v>
107</v>
      </c>
      <c r="B129" s="1033"/>
      <c r="C129" s="1033"/>
      <c r="D129" s="1033"/>
      <c r="E129" s="1033"/>
      <c r="F129" s="1033"/>
      <c r="G129" s="1033"/>
      <c r="H129" s="1033"/>
      <c r="I129" s="1033"/>
      <c r="J129" s="1033"/>
      <c r="K129" s="1033"/>
      <c r="L129" s="1033"/>
      <c r="M129" s="1033"/>
      <c r="N129" s="1033"/>
      <c r="O129" s="1033"/>
      <c r="P129" s="1033"/>
      <c r="Q129" s="1033"/>
      <c r="R129" s="1033"/>
      <c r="S129" s="1033"/>
      <c r="T129" s="1033"/>
      <c r="U129" s="1033"/>
      <c r="V129" s="1033"/>
      <c r="W129" s="1175" t="s">
        <v>
488</v>
      </c>
      <c r="X129" s="1176"/>
      <c r="Y129" s="1176"/>
      <c r="Z129" s="1177"/>
      <c r="AA129" s="1060">
        <v>
83272824</v>
      </c>
      <c r="AB129" s="1061"/>
      <c r="AC129" s="1061"/>
      <c r="AD129" s="1061"/>
      <c r="AE129" s="1062"/>
      <c r="AF129" s="1063">
        <v>
86647078</v>
      </c>
      <c r="AG129" s="1061"/>
      <c r="AH129" s="1061"/>
      <c r="AI129" s="1061"/>
      <c r="AJ129" s="1062"/>
      <c r="AK129" s="1063">
        <v>
90598164</v>
      </c>
      <c r="AL129" s="1061"/>
      <c r="AM129" s="1061"/>
      <c r="AN129" s="1061"/>
      <c r="AO129" s="1062"/>
      <c r="AP129" s="1178"/>
      <c r="AQ129" s="1179"/>
      <c r="AR129" s="1179"/>
      <c r="AS129" s="1179"/>
      <c r="AT129" s="1180"/>
      <c r="AU129" s="285"/>
      <c r="AV129" s="285"/>
      <c r="AW129" s="285"/>
      <c r="AX129" s="1169" t="s">
        <v>
489</v>
      </c>
      <c r="AY129" s="1052"/>
      <c r="AZ129" s="1052"/>
      <c r="BA129" s="1052"/>
      <c r="BB129" s="1052"/>
      <c r="BC129" s="1052"/>
      <c r="BD129" s="1052"/>
      <c r="BE129" s="1053"/>
      <c r="BF129" s="1170" t="s">
        <v>
178</v>
      </c>
      <c r="BG129" s="1171"/>
      <c r="BH129" s="1171"/>
      <c r="BI129" s="1171"/>
      <c r="BJ129" s="1171"/>
      <c r="BK129" s="1171"/>
      <c r="BL129" s="1172"/>
      <c r="BM129" s="1170">
        <v>
16.25</v>
      </c>
      <c r="BN129" s="1171"/>
      <c r="BO129" s="1171"/>
      <c r="BP129" s="1171"/>
      <c r="BQ129" s="1171"/>
      <c r="BR129" s="1171"/>
      <c r="BS129" s="1172"/>
      <c r="BT129" s="1170">
        <v>
30</v>
      </c>
      <c r="BU129" s="1173"/>
      <c r="BV129" s="1173"/>
      <c r="BW129" s="1173"/>
      <c r="BX129" s="1173"/>
      <c r="BY129" s="1173"/>
      <c r="BZ129" s="1174"/>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1032" t="s">
        <v>
490</v>
      </c>
      <c r="B130" s="1033"/>
      <c r="C130" s="1033"/>
      <c r="D130" s="1033"/>
      <c r="E130" s="1033"/>
      <c r="F130" s="1033"/>
      <c r="G130" s="1033"/>
      <c r="H130" s="1033"/>
      <c r="I130" s="1033"/>
      <c r="J130" s="1033"/>
      <c r="K130" s="1033"/>
      <c r="L130" s="1033"/>
      <c r="M130" s="1033"/>
      <c r="N130" s="1033"/>
      <c r="O130" s="1033"/>
      <c r="P130" s="1033"/>
      <c r="Q130" s="1033"/>
      <c r="R130" s="1033"/>
      <c r="S130" s="1033"/>
      <c r="T130" s="1033"/>
      <c r="U130" s="1033"/>
      <c r="V130" s="1033"/>
      <c r="W130" s="1175" t="s">
        <v>
491</v>
      </c>
      <c r="X130" s="1176"/>
      <c r="Y130" s="1176"/>
      <c r="Z130" s="1177"/>
      <c r="AA130" s="1060">
        <v>
5761531</v>
      </c>
      <c r="AB130" s="1061"/>
      <c r="AC130" s="1061"/>
      <c r="AD130" s="1061"/>
      <c r="AE130" s="1062"/>
      <c r="AF130" s="1063">
        <v>
5572658</v>
      </c>
      <c r="AG130" s="1061"/>
      <c r="AH130" s="1061"/>
      <c r="AI130" s="1061"/>
      <c r="AJ130" s="1062"/>
      <c r="AK130" s="1063">
        <v>
5547446</v>
      </c>
      <c r="AL130" s="1061"/>
      <c r="AM130" s="1061"/>
      <c r="AN130" s="1061"/>
      <c r="AO130" s="1062"/>
      <c r="AP130" s="1178"/>
      <c r="AQ130" s="1179"/>
      <c r="AR130" s="1179"/>
      <c r="AS130" s="1179"/>
      <c r="AT130" s="1180"/>
      <c r="AU130" s="285"/>
      <c r="AV130" s="285"/>
      <c r="AW130" s="285"/>
      <c r="AX130" s="1169" t="s">
        <v>
492</v>
      </c>
      <c r="AY130" s="1052"/>
      <c r="AZ130" s="1052"/>
      <c r="BA130" s="1052"/>
      <c r="BB130" s="1052"/>
      <c r="BC130" s="1052"/>
      <c r="BD130" s="1052"/>
      <c r="BE130" s="1053"/>
      <c r="BF130" s="1206">
        <v>
-3.7</v>
      </c>
      <c r="BG130" s="1207"/>
      <c r="BH130" s="1207"/>
      <c r="BI130" s="1207"/>
      <c r="BJ130" s="1207"/>
      <c r="BK130" s="1207"/>
      <c r="BL130" s="1208"/>
      <c r="BM130" s="1206">
        <v>
25</v>
      </c>
      <c r="BN130" s="1207"/>
      <c r="BO130" s="1207"/>
      <c r="BP130" s="1207"/>
      <c r="BQ130" s="1207"/>
      <c r="BR130" s="1207"/>
      <c r="BS130" s="1208"/>
      <c r="BT130" s="1206">
        <v>
35</v>
      </c>
      <c r="BU130" s="1209"/>
      <c r="BV130" s="1209"/>
      <c r="BW130" s="1209"/>
      <c r="BX130" s="1209"/>
      <c r="BY130" s="1209"/>
      <c r="BZ130" s="1210"/>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1211"/>
      <c r="B131" s="1212"/>
      <c r="C131" s="1212"/>
      <c r="D131" s="1212"/>
      <c r="E131" s="1212"/>
      <c r="F131" s="1212"/>
      <c r="G131" s="1212"/>
      <c r="H131" s="1212"/>
      <c r="I131" s="1212"/>
      <c r="J131" s="1212"/>
      <c r="K131" s="1212"/>
      <c r="L131" s="1212"/>
      <c r="M131" s="1212"/>
      <c r="N131" s="1212"/>
      <c r="O131" s="1212"/>
      <c r="P131" s="1212"/>
      <c r="Q131" s="1212"/>
      <c r="R131" s="1212"/>
      <c r="S131" s="1212"/>
      <c r="T131" s="1212"/>
      <c r="U131" s="1212"/>
      <c r="V131" s="1212"/>
      <c r="W131" s="1213" t="s">
        <v>
493</v>
      </c>
      <c r="X131" s="1214"/>
      <c r="Y131" s="1214"/>
      <c r="Z131" s="1215"/>
      <c r="AA131" s="1107">
        <v>
77511293</v>
      </c>
      <c r="AB131" s="1086"/>
      <c r="AC131" s="1086"/>
      <c r="AD131" s="1086"/>
      <c r="AE131" s="1087"/>
      <c r="AF131" s="1085">
        <v>
81074420</v>
      </c>
      <c r="AG131" s="1086"/>
      <c r="AH131" s="1086"/>
      <c r="AI131" s="1086"/>
      <c r="AJ131" s="1087"/>
      <c r="AK131" s="1085">
        <v>
85050718</v>
      </c>
      <c r="AL131" s="1086"/>
      <c r="AM131" s="1086"/>
      <c r="AN131" s="1086"/>
      <c r="AO131" s="1087"/>
      <c r="AP131" s="1216"/>
      <c r="AQ131" s="1217"/>
      <c r="AR131" s="1217"/>
      <c r="AS131" s="1217"/>
      <c r="AT131" s="1218"/>
      <c r="AU131" s="285"/>
      <c r="AV131" s="285"/>
      <c r="AW131" s="285"/>
      <c r="AX131" s="1188" t="s">
        <v>
494</v>
      </c>
      <c r="AY131" s="1139"/>
      <c r="AZ131" s="1139"/>
      <c r="BA131" s="1139"/>
      <c r="BB131" s="1139"/>
      <c r="BC131" s="1139"/>
      <c r="BD131" s="1139"/>
      <c r="BE131" s="1140"/>
      <c r="BF131" s="1189" t="s">
        <v>
178</v>
      </c>
      <c r="BG131" s="1190"/>
      <c r="BH131" s="1190"/>
      <c r="BI131" s="1190"/>
      <c r="BJ131" s="1190"/>
      <c r="BK131" s="1190"/>
      <c r="BL131" s="1191"/>
      <c r="BM131" s="1189">
        <v>
350</v>
      </c>
      <c r="BN131" s="1190"/>
      <c r="BO131" s="1190"/>
      <c r="BP131" s="1190"/>
      <c r="BQ131" s="1190"/>
      <c r="BR131" s="1190"/>
      <c r="BS131" s="1191"/>
      <c r="BT131" s="1192"/>
      <c r="BU131" s="1193"/>
      <c r="BV131" s="1193"/>
      <c r="BW131" s="1193"/>
      <c r="BX131" s="1193"/>
      <c r="BY131" s="1193"/>
      <c r="BZ131" s="1194"/>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1195" t="s">
        <v>
495</v>
      </c>
      <c r="B132" s="1196"/>
      <c r="C132" s="1196"/>
      <c r="D132" s="1196"/>
      <c r="E132" s="1196"/>
      <c r="F132" s="1196"/>
      <c r="G132" s="1196"/>
      <c r="H132" s="1196"/>
      <c r="I132" s="1196"/>
      <c r="J132" s="1196"/>
      <c r="K132" s="1196"/>
      <c r="L132" s="1196"/>
      <c r="M132" s="1196"/>
      <c r="N132" s="1196"/>
      <c r="O132" s="1196"/>
      <c r="P132" s="1196"/>
      <c r="Q132" s="1196"/>
      <c r="R132" s="1196"/>
      <c r="S132" s="1196"/>
      <c r="T132" s="1196"/>
      <c r="U132" s="1196"/>
      <c r="V132" s="1199" t="s">
        <v>
496</v>
      </c>
      <c r="W132" s="1199"/>
      <c r="X132" s="1199"/>
      <c r="Y132" s="1199"/>
      <c r="Z132" s="1200"/>
      <c r="AA132" s="1201">
        <v>
-4.0048602979999997</v>
      </c>
      <c r="AB132" s="1202"/>
      <c r="AC132" s="1202"/>
      <c r="AD132" s="1202"/>
      <c r="AE132" s="1203"/>
      <c r="AF132" s="1204">
        <v>
-3.8958366889999998</v>
      </c>
      <c r="AG132" s="1202"/>
      <c r="AH132" s="1202"/>
      <c r="AI132" s="1202"/>
      <c r="AJ132" s="1203"/>
      <c r="AK132" s="1204">
        <v>
-3.4078172040000001</v>
      </c>
      <c r="AL132" s="1202"/>
      <c r="AM132" s="1202"/>
      <c r="AN132" s="1202"/>
      <c r="AO132" s="1203"/>
      <c r="AP132" s="1101"/>
      <c r="AQ132" s="1102"/>
      <c r="AR132" s="1102"/>
      <c r="AS132" s="1102"/>
      <c r="AT132" s="1205"/>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1197"/>
      <c r="B133" s="1198"/>
      <c r="C133" s="1198"/>
      <c r="D133" s="1198"/>
      <c r="E133" s="1198"/>
      <c r="F133" s="1198"/>
      <c r="G133" s="1198"/>
      <c r="H133" s="1198"/>
      <c r="I133" s="1198"/>
      <c r="J133" s="1198"/>
      <c r="K133" s="1198"/>
      <c r="L133" s="1198"/>
      <c r="M133" s="1198"/>
      <c r="N133" s="1198"/>
      <c r="O133" s="1198"/>
      <c r="P133" s="1198"/>
      <c r="Q133" s="1198"/>
      <c r="R133" s="1198"/>
      <c r="S133" s="1198"/>
      <c r="T133" s="1198"/>
      <c r="U133" s="1198"/>
      <c r="V133" s="1182" t="s">
        <v>
497</v>
      </c>
      <c r="W133" s="1182"/>
      <c r="X133" s="1182"/>
      <c r="Y133" s="1182"/>
      <c r="Z133" s="1183"/>
      <c r="AA133" s="1184">
        <v>
-3.8</v>
      </c>
      <c r="AB133" s="1185"/>
      <c r="AC133" s="1185"/>
      <c r="AD133" s="1185"/>
      <c r="AE133" s="1186"/>
      <c r="AF133" s="1184">
        <v>
-3.8</v>
      </c>
      <c r="AG133" s="1185"/>
      <c r="AH133" s="1185"/>
      <c r="AI133" s="1185"/>
      <c r="AJ133" s="1186"/>
      <c r="AK133" s="1184">
        <v>
-3.7</v>
      </c>
      <c r="AL133" s="1185"/>
      <c r="AM133" s="1185"/>
      <c r="AN133" s="1185"/>
      <c r="AO133" s="1186"/>
      <c r="AP133" s="1131"/>
      <c r="AQ133" s="1132"/>
      <c r="AR133" s="1132"/>
      <c r="AS133" s="1132"/>
      <c r="AT133" s="1187"/>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sheetData>
  <sheetProtection algorithmName="SHA-512" hashValue="Knu7eqL+wM6QDM/YxjLcunwlx6xTakvajPeHZ9WuFCYE30lC5Hr6v5Cq1GwE+JBp9eP5GkYEgK0goSdB1zqxeQ==" saltValue="U8WnVD1ET6NRDKVm7IJfI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headerFooter alignWithMargins="0">
    <oddFooter>
&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
498</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4G+DTzu7tliQe+pbs7cDoC6Tv/x4CuPsC5VqHLx2nY7GxQNHasT94cqkWnl0sNc4dAxwoPftY3DjcHDoVUEp5w==" saltValue="e14vSnpAgbPXnWOmWTbc6A==" spinCount="100000" sheet="1" objects="1" scenarios="1"/>
  <dataConsolidate/>
  <phoneticPr fontId="2"/>
  <printOptions horizontalCentered="1" verticalCentered="1"/>
  <pageMargins left="0" right="0" top="0" bottom="0" header="0" footer="0"/>
  <headerFooter alignWithMargins="0">
    <oddFooter>
&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qIqk75wpEAB6IVoj0ivqzs7OVsetilf602UZuJASgeQj+Vir32PCER1ViP9ZEmZnjUw3dZXXQvXJNNaEp13ojg==" saltValue="rWlHWX4/ALZ77rxmQ8xRFQ==" spinCount="100000" sheet="1" objects="1" scenarios="1"/>
  <dataConsolidate/>
  <phoneticPr fontId="2"/>
  <printOptions horizontalCentered="1" verticalCentered="1"/>
  <pageMargins left="0" right="0" top="0" bottom="0" header="0" footer="0"/>
  <headerFooter alignWithMargins="0">
    <oddFooter>
&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
499</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
500</v>
      </c>
      <c r="AL6" s="299"/>
      <c r="AM6" s="299"/>
      <c r="AN6" s="299"/>
      <c r="AO6" s="294"/>
      <c r="AP6" s="294"/>
      <c r="AQ6" s="294"/>
      <c r="AR6" s="294"/>
    </row>
    <row r="7" spans="1:46" ht="13.2"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22" t="s">
        <v>
501</v>
      </c>
      <c r="AP7" s="304"/>
      <c r="AQ7" s="305" t="s">
        <v>
502</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23"/>
      <c r="AP8" s="310" t="s">
        <v>
503</v>
      </c>
      <c r="AQ8" s="311" t="s">
        <v>
504</v>
      </c>
      <c r="AR8" s="312" t="s">
        <v>
505</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24" t="s">
        <v>
506</v>
      </c>
      <c r="AL9" s="1225"/>
      <c r="AM9" s="1225"/>
      <c r="AN9" s="1226"/>
      <c r="AO9" s="313">
        <v>
26630694</v>
      </c>
      <c r="AP9" s="313">
        <v>
76426</v>
      </c>
      <c r="AQ9" s="314">
        <v>
62629</v>
      </c>
      <c r="AR9" s="315">
        <v>
22</v>
      </c>
    </row>
    <row r="10" spans="1:46" ht="13.2"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24" t="s">
        <v>
507</v>
      </c>
      <c r="AL10" s="1225"/>
      <c r="AM10" s="1225"/>
      <c r="AN10" s="1226"/>
      <c r="AO10" s="316">
        <v>
245186</v>
      </c>
      <c r="AP10" s="316">
        <v>
704</v>
      </c>
      <c r="AQ10" s="317">
        <v>
1046</v>
      </c>
      <c r="AR10" s="318">
        <v>
-32.700000000000003</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24" t="s">
        <v>
508</v>
      </c>
      <c r="AL11" s="1225"/>
      <c r="AM11" s="1225"/>
      <c r="AN11" s="1226"/>
      <c r="AO11" s="316">
        <v>
363852</v>
      </c>
      <c r="AP11" s="316">
        <v>
1044</v>
      </c>
      <c r="AQ11" s="317">
        <v>
841</v>
      </c>
      <c r="AR11" s="318">
        <v>
24.1</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24" t="s">
        <v>
509</v>
      </c>
      <c r="AL12" s="1225"/>
      <c r="AM12" s="1225"/>
      <c r="AN12" s="1226"/>
      <c r="AO12" s="316" t="s">
        <v>
510</v>
      </c>
      <c r="AP12" s="316" t="s">
        <v>
510</v>
      </c>
      <c r="AQ12" s="317" t="s">
        <v>
510</v>
      </c>
      <c r="AR12" s="318" t="s">
        <v>
510</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24" t="s">
        <v>
511</v>
      </c>
      <c r="AL13" s="1225"/>
      <c r="AM13" s="1225"/>
      <c r="AN13" s="1226"/>
      <c r="AO13" s="316" t="s">
        <v>
510</v>
      </c>
      <c r="AP13" s="316" t="s">
        <v>
510</v>
      </c>
      <c r="AQ13" s="317" t="s">
        <v>
510</v>
      </c>
      <c r="AR13" s="318" t="s">
        <v>
510</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24" t="s">
        <v>
512</v>
      </c>
      <c r="AL14" s="1225"/>
      <c r="AM14" s="1225"/>
      <c r="AN14" s="1226"/>
      <c r="AO14" s="316">
        <v>
1330496</v>
      </c>
      <c r="AP14" s="316">
        <v>
3818</v>
      </c>
      <c r="AQ14" s="317">
        <v>
2247</v>
      </c>
      <c r="AR14" s="318">
        <v>
69.900000000000006</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24" t="s">
        <v>
513</v>
      </c>
      <c r="AL15" s="1225"/>
      <c r="AM15" s="1225"/>
      <c r="AN15" s="1226"/>
      <c r="AO15" s="316">
        <v>
404333</v>
      </c>
      <c r="AP15" s="316">
        <v>
1160</v>
      </c>
      <c r="AQ15" s="317">
        <v>
1478</v>
      </c>
      <c r="AR15" s="318">
        <v>
-21.5</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27" t="s">
        <v>
514</v>
      </c>
      <c r="AL16" s="1228"/>
      <c r="AM16" s="1228"/>
      <c r="AN16" s="1229"/>
      <c r="AO16" s="316">
        <v>
-1923085</v>
      </c>
      <c r="AP16" s="316">
        <v>
-5519</v>
      </c>
      <c r="AQ16" s="317">
        <v>
-5042</v>
      </c>
      <c r="AR16" s="318">
        <v>
9.5</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1227" t="s">
        <v>
193</v>
      </c>
      <c r="AL17" s="1228"/>
      <c r="AM17" s="1228"/>
      <c r="AN17" s="1229"/>
      <c r="AO17" s="316">
        <v>
27051476</v>
      </c>
      <c r="AP17" s="316">
        <v>
77633</v>
      </c>
      <c r="AQ17" s="317">
        <v>
63199</v>
      </c>
      <c r="AR17" s="318">
        <v>
22.8</v>
      </c>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19"/>
      <c r="AR18" s="319"/>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
515</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0"/>
      <c r="AL20" s="321"/>
      <c r="AM20" s="321"/>
      <c r="AN20" s="322"/>
      <c r="AO20" s="323" t="s">
        <v>
516</v>
      </c>
      <c r="AP20" s="324" t="s">
        <v>
517</v>
      </c>
      <c r="AQ20" s="325" t="s">
        <v>
518</v>
      </c>
      <c r="AR20" s="326"/>
    </row>
    <row r="21" spans="1:46" s="332" customFormat="1" ht="13.2" x14ac:dyDescent="0.2">
      <c r="A21" s="327"/>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19" t="s">
        <v>
519</v>
      </c>
      <c r="AL21" s="1220"/>
      <c r="AM21" s="1220"/>
      <c r="AN21" s="1221"/>
      <c r="AO21" s="328">
        <v>
7.54</v>
      </c>
      <c r="AP21" s="329">
        <v>
6.3</v>
      </c>
      <c r="AQ21" s="330">
        <v>
1.24</v>
      </c>
      <c r="AR21" s="299"/>
      <c r="AS21" s="331"/>
      <c r="AT21" s="327"/>
    </row>
    <row r="22" spans="1:46" s="332" customFormat="1" ht="13.2" x14ac:dyDescent="0.2">
      <c r="A22" s="327"/>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19" t="s">
        <v>
520</v>
      </c>
      <c r="AL22" s="1220"/>
      <c r="AM22" s="1220"/>
      <c r="AN22" s="1221"/>
      <c r="AO22" s="333">
        <v>
98.3</v>
      </c>
      <c r="AP22" s="334">
        <v>
99.1</v>
      </c>
      <c r="AQ22" s="335">
        <v>
-0.8</v>
      </c>
      <c r="AR22" s="319"/>
      <c r="AS22" s="331"/>
      <c r="AT22" s="327"/>
    </row>
    <row r="23" spans="1:46" s="332" customFormat="1" ht="13.2" x14ac:dyDescent="0.2">
      <c r="A23" s="327"/>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19"/>
      <c r="AQ23" s="319"/>
      <c r="AR23" s="319"/>
      <c r="AS23" s="331"/>
      <c r="AT23" s="327"/>
    </row>
    <row r="24" spans="1:46" s="332" customFormat="1" ht="13.2" x14ac:dyDescent="0.2">
      <c r="A24" s="327"/>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19"/>
      <c r="AQ24" s="319"/>
      <c r="AR24" s="319"/>
      <c r="AS24" s="331"/>
      <c r="AT24" s="327"/>
    </row>
    <row r="25" spans="1:46" s="332" customFormat="1" ht="13.2" x14ac:dyDescent="0.2">
      <c r="A25" s="336"/>
      <c r="B25" s="337"/>
      <c r="C25" s="337"/>
      <c r="D25" s="337"/>
      <c r="E25" s="337"/>
      <c r="F25" s="337"/>
      <c r="G25" s="337"/>
      <c r="H25" s="337"/>
      <c r="I25" s="337"/>
      <c r="J25" s="337"/>
      <c r="K25" s="337"/>
      <c r="L25" s="337"/>
      <c r="M25" s="337"/>
      <c r="N25" s="337"/>
      <c r="O25" s="337"/>
      <c r="P25" s="337"/>
      <c r="Q25" s="337"/>
      <c r="R25" s="337"/>
      <c r="S25" s="337"/>
      <c r="T25" s="337"/>
      <c r="U25" s="337"/>
      <c r="V25" s="337"/>
      <c r="W25" s="337"/>
      <c r="X25" s="337"/>
      <c r="Y25" s="337"/>
      <c r="Z25" s="337"/>
      <c r="AA25" s="337"/>
      <c r="AB25" s="337"/>
      <c r="AC25" s="337"/>
      <c r="AD25" s="337"/>
      <c r="AE25" s="337"/>
      <c r="AF25" s="337"/>
      <c r="AG25" s="337"/>
      <c r="AH25" s="337"/>
      <c r="AI25" s="337"/>
      <c r="AJ25" s="337"/>
      <c r="AK25" s="337"/>
      <c r="AL25" s="337"/>
      <c r="AM25" s="337"/>
      <c r="AN25" s="337"/>
      <c r="AO25" s="337"/>
      <c r="AP25" s="338"/>
      <c r="AQ25" s="338"/>
      <c r="AR25" s="338"/>
      <c r="AS25" s="339"/>
      <c r="AT25" s="327"/>
    </row>
    <row r="26" spans="1:46" s="332" customFormat="1" ht="13.2" x14ac:dyDescent="0.2">
      <c r="A26" s="299" t="s">
        <v>
521</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19"/>
      <c r="AQ26" s="319"/>
      <c r="AR26" s="319"/>
      <c r="AS26" s="299"/>
      <c r="AT26" s="299"/>
    </row>
    <row r="27" spans="1:46" ht="13.2" x14ac:dyDescent="0.2">
      <c r="A27" s="340"/>
      <c r="AO27" s="294"/>
      <c r="AP27" s="294"/>
      <c r="AQ27" s="294"/>
      <c r="AR27" s="294"/>
      <c r="AS27" s="294"/>
      <c r="AT27" s="294"/>
    </row>
    <row r="28" spans="1:46" ht="16.2" x14ac:dyDescent="0.2">
      <c r="A28" s="295" t="s">
        <v>
522</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1"/>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
523</v>
      </c>
      <c r="AL29" s="299"/>
      <c r="AM29" s="299"/>
      <c r="AN29" s="299"/>
      <c r="AO29" s="294"/>
      <c r="AP29" s="294"/>
      <c r="AQ29" s="294"/>
      <c r="AR29" s="294"/>
      <c r="AS29" s="342"/>
    </row>
    <row r="30" spans="1:46" ht="13.2"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22" t="s">
        <v>
501</v>
      </c>
      <c r="AP30" s="304"/>
      <c r="AQ30" s="305" t="s">
        <v>
502</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23"/>
      <c r="AP31" s="310" t="s">
        <v>
503</v>
      </c>
      <c r="AQ31" s="311" t="s">
        <v>
504</v>
      </c>
      <c r="AR31" s="312" t="s">
        <v>
505</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35" t="s">
        <v>
524</v>
      </c>
      <c r="AL32" s="1236"/>
      <c r="AM32" s="1236"/>
      <c r="AN32" s="1237"/>
      <c r="AO32" s="343">
        <v>
2275231</v>
      </c>
      <c r="AP32" s="343">
        <v>
6530</v>
      </c>
      <c r="AQ32" s="344">
        <v>
4925</v>
      </c>
      <c r="AR32" s="345">
        <v>
32.6</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35" t="s">
        <v>
525</v>
      </c>
      <c r="AL33" s="1236"/>
      <c r="AM33" s="1236"/>
      <c r="AN33" s="1237"/>
      <c r="AO33" s="343" t="s">
        <v>
510</v>
      </c>
      <c r="AP33" s="343" t="s">
        <v>
510</v>
      </c>
      <c r="AQ33" s="344" t="s">
        <v>
510</v>
      </c>
      <c r="AR33" s="345" t="s">
        <v>
510</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35" t="s">
        <v>
526</v>
      </c>
      <c r="AL34" s="1236"/>
      <c r="AM34" s="1236"/>
      <c r="AN34" s="1237"/>
      <c r="AO34" s="343">
        <v>
50733</v>
      </c>
      <c r="AP34" s="343">
        <v>
146</v>
      </c>
      <c r="AQ34" s="344">
        <v>
327</v>
      </c>
      <c r="AR34" s="345">
        <v>
-55.4</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35" t="s">
        <v>
527</v>
      </c>
      <c r="AL35" s="1236"/>
      <c r="AM35" s="1236"/>
      <c r="AN35" s="1237"/>
      <c r="AO35" s="343" t="s">
        <v>
510</v>
      </c>
      <c r="AP35" s="343" t="s">
        <v>
510</v>
      </c>
      <c r="AQ35" s="344">
        <v>
27</v>
      </c>
      <c r="AR35" s="345" t="s">
        <v>
510</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35" t="s">
        <v>
528</v>
      </c>
      <c r="AL36" s="1236"/>
      <c r="AM36" s="1236"/>
      <c r="AN36" s="1237"/>
      <c r="AO36" s="343">
        <v>
124083</v>
      </c>
      <c r="AP36" s="343">
        <v>
356</v>
      </c>
      <c r="AQ36" s="344">
        <v>
286</v>
      </c>
      <c r="AR36" s="345">
        <v>
24.5</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35" t="s">
        <v>
529</v>
      </c>
      <c r="AL37" s="1236"/>
      <c r="AM37" s="1236"/>
      <c r="AN37" s="1237"/>
      <c r="AO37" s="343">
        <v>
199026</v>
      </c>
      <c r="AP37" s="343">
        <v>
571</v>
      </c>
      <c r="AQ37" s="344">
        <v>
1760</v>
      </c>
      <c r="AR37" s="345">
        <v>
-67.599999999999994</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38" t="s">
        <v>
530</v>
      </c>
      <c r="AL38" s="1239"/>
      <c r="AM38" s="1239"/>
      <c r="AN38" s="1240"/>
      <c r="AO38" s="346" t="s">
        <v>
510</v>
      </c>
      <c r="AP38" s="346" t="s">
        <v>
510</v>
      </c>
      <c r="AQ38" s="347">
        <v>
0</v>
      </c>
      <c r="AR38" s="335" t="s">
        <v>
510</v>
      </c>
      <c r="AS38" s="342"/>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38" t="s">
        <v>
531</v>
      </c>
      <c r="AL39" s="1239"/>
      <c r="AM39" s="1239"/>
      <c r="AN39" s="1240"/>
      <c r="AO39" s="343" t="s">
        <v>
510</v>
      </c>
      <c r="AP39" s="343" t="s">
        <v>
510</v>
      </c>
      <c r="AQ39" s="344">
        <v>
-11</v>
      </c>
      <c r="AR39" s="345" t="s">
        <v>
510</v>
      </c>
      <c r="AS39" s="342"/>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35" t="s">
        <v>
532</v>
      </c>
      <c r="AL40" s="1236"/>
      <c r="AM40" s="1236"/>
      <c r="AN40" s="1237"/>
      <c r="AO40" s="343">
        <v>
-5547446</v>
      </c>
      <c r="AP40" s="343">
        <v>
-15920</v>
      </c>
      <c r="AQ40" s="344">
        <v>
-15582</v>
      </c>
      <c r="AR40" s="345">
        <v>
2.2000000000000002</v>
      </c>
      <c r="AS40" s="342"/>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41" t="s">
        <v>
307</v>
      </c>
      <c r="AL41" s="1242"/>
      <c r="AM41" s="1242"/>
      <c r="AN41" s="1243"/>
      <c r="AO41" s="343">
        <v>
-2898373</v>
      </c>
      <c r="AP41" s="343">
        <v>
-8318</v>
      </c>
      <c r="AQ41" s="344">
        <v>
-8267</v>
      </c>
      <c r="AR41" s="345">
        <v>
0.6</v>
      </c>
      <c r="AS41" s="342"/>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8" t="s">
        <v>
533</v>
      </c>
      <c r="AL42" s="294"/>
      <c r="AM42" s="294"/>
      <c r="AN42" s="294"/>
      <c r="AO42" s="294"/>
      <c r="AP42" s="294"/>
      <c r="AQ42" s="319"/>
      <c r="AR42" s="319"/>
      <c r="AS42" s="342"/>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49"/>
      <c r="AQ43" s="319"/>
      <c r="AR43" s="294"/>
      <c r="AS43" s="342"/>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19"/>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0"/>
      <c r="AR45" s="296"/>
      <c r="AS45" s="296"/>
      <c r="AT45" s="294"/>
    </row>
    <row r="46" spans="1:46" ht="13.2" x14ac:dyDescent="0.2">
      <c r="A46" s="351"/>
      <c r="B46" s="351"/>
      <c r="C46" s="351"/>
      <c r="D46" s="351"/>
      <c r="E46" s="351"/>
      <c r="F46" s="351"/>
      <c r="G46" s="351"/>
      <c r="H46" s="351"/>
      <c r="I46" s="351"/>
      <c r="J46" s="351"/>
      <c r="K46" s="351"/>
      <c r="L46" s="351"/>
      <c r="M46" s="351"/>
      <c r="N46" s="351"/>
      <c r="O46" s="351"/>
      <c r="P46" s="351"/>
      <c r="Q46" s="351"/>
      <c r="R46" s="351"/>
      <c r="S46" s="351"/>
      <c r="T46" s="351"/>
      <c r="U46" s="351"/>
      <c r="V46" s="351"/>
      <c r="W46" s="351"/>
      <c r="X46" s="351"/>
      <c r="Y46" s="351"/>
      <c r="Z46" s="351"/>
      <c r="AA46" s="351"/>
      <c r="AB46" s="351"/>
      <c r="AC46" s="351"/>
      <c r="AD46" s="351"/>
      <c r="AE46" s="351"/>
      <c r="AF46" s="351"/>
      <c r="AG46" s="351"/>
      <c r="AH46" s="351"/>
      <c r="AI46" s="351"/>
      <c r="AJ46" s="351"/>
      <c r="AK46" s="351"/>
      <c r="AL46" s="351"/>
      <c r="AM46" s="351"/>
      <c r="AN46" s="351"/>
      <c r="AO46" s="351"/>
      <c r="AP46" s="351"/>
      <c r="AQ46" s="351"/>
      <c r="AR46" s="351"/>
      <c r="AS46" s="351"/>
      <c r="AT46" s="294"/>
    </row>
    <row r="47" spans="1:46" ht="17.25" customHeight="1" x14ac:dyDescent="0.2">
      <c r="A47" s="352" t="s">
        <v>
534</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3" t="s">
        <v>
535</v>
      </c>
      <c r="AL48" s="353"/>
      <c r="AM48" s="353"/>
      <c r="AN48" s="353"/>
      <c r="AO48" s="353"/>
      <c r="AP48" s="353"/>
      <c r="AQ48" s="354"/>
      <c r="AR48" s="353"/>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5"/>
      <c r="AL49" s="356"/>
      <c r="AM49" s="1230" t="s">
        <v>
501</v>
      </c>
      <c r="AN49" s="1232" t="s">
        <v>
536</v>
      </c>
      <c r="AO49" s="1233"/>
      <c r="AP49" s="1233"/>
      <c r="AQ49" s="1233"/>
      <c r="AR49" s="1234"/>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7"/>
      <c r="AL50" s="358"/>
      <c r="AM50" s="1231"/>
      <c r="AN50" s="359" t="s">
        <v>
537</v>
      </c>
      <c r="AO50" s="360" t="s">
        <v>
538</v>
      </c>
      <c r="AP50" s="361" t="s">
        <v>
539</v>
      </c>
      <c r="AQ50" s="362" t="s">
        <v>
540</v>
      </c>
      <c r="AR50" s="363" t="s">
        <v>
541</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5" t="s">
        <v>
542</v>
      </c>
      <c r="AL51" s="356"/>
      <c r="AM51" s="364">
        <v>
14460906</v>
      </c>
      <c r="AN51" s="365">
        <v>
43271</v>
      </c>
      <c r="AO51" s="366">
        <v>
12.8</v>
      </c>
      <c r="AP51" s="367">
        <v>
43773</v>
      </c>
      <c r="AQ51" s="368">
        <v>
-7</v>
      </c>
      <c r="AR51" s="369">
        <v>
19.8</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0"/>
      <c r="AL52" s="371" t="s">
        <v>
543</v>
      </c>
      <c r="AM52" s="372">
        <v>
6951059</v>
      </c>
      <c r="AN52" s="373">
        <v>
20800</v>
      </c>
      <c r="AO52" s="374">
        <v>
10.6</v>
      </c>
      <c r="AP52" s="375">
        <v>
30346</v>
      </c>
      <c r="AQ52" s="376">
        <v>
-6.7</v>
      </c>
      <c r="AR52" s="377">
        <v>
17.3</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5" t="s">
        <v>
544</v>
      </c>
      <c r="AL53" s="356"/>
      <c r="AM53" s="364">
        <v>
11950799</v>
      </c>
      <c r="AN53" s="365">
        <v>
35306</v>
      </c>
      <c r="AO53" s="366">
        <v>
-18.399999999999999</v>
      </c>
      <c r="AP53" s="367">
        <v>
51565</v>
      </c>
      <c r="AQ53" s="368">
        <v>
17.8</v>
      </c>
      <c r="AR53" s="369">
        <v>
-36.200000000000003</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0"/>
      <c r="AL54" s="371" t="s">
        <v>
543</v>
      </c>
      <c r="AM54" s="372">
        <v>
8164331</v>
      </c>
      <c r="AN54" s="373">
        <v>
24120</v>
      </c>
      <c r="AO54" s="374">
        <v>
16</v>
      </c>
      <c r="AP54" s="375">
        <v>
35359</v>
      </c>
      <c r="AQ54" s="376">
        <v>
16.5</v>
      </c>
      <c r="AR54" s="377">
        <v>
-0.5</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5" t="s">
        <v>
545</v>
      </c>
      <c r="AL55" s="356"/>
      <c r="AM55" s="364">
        <v>
8994380</v>
      </c>
      <c r="AN55" s="365">
        <v>
26277</v>
      </c>
      <c r="AO55" s="366">
        <v>
-25.6</v>
      </c>
      <c r="AP55" s="367">
        <v>
46686</v>
      </c>
      <c r="AQ55" s="368">
        <v>
-9.5</v>
      </c>
      <c r="AR55" s="369">
        <v>
-16.100000000000001</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0"/>
      <c r="AL56" s="371" t="s">
        <v>
543</v>
      </c>
      <c r="AM56" s="372">
        <v>
6002887</v>
      </c>
      <c r="AN56" s="373">
        <v>
17537</v>
      </c>
      <c r="AO56" s="374">
        <v>
-27.3</v>
      </c>
      <c r="AP56" s="375">
        <v>
32595</v>
      </c>
      <c r="AQ56" s="376">
        <v>
-7.8</v>
      </c>
      <c r="AR56" s="377">
        <v>
-19.5</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5" t="s">
        <v>
546</v>
      </c>
      <c r="AL57" s="356"/>
      <c r="AM57" s="364">
        <v>
8974074</v>
      </c>
      <c r="AN57" s="365">
        <v>
25924</v>
      </c>
      <c r="AO57" s="366">
        <v>
-1.3</v>
      </c>
      <c r="AP57" s="367">
        <v>
49796</v>
      </c>
      <c r="AQ57" s="368">
        <v>
6.7</v>
      </c>
      <c r="AR57" s="369">
        <v>
-8</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0"/>
      <c r="AL58" s="371" t="s">
        <v>
543</v>
      </c>
      <c r="AM58" s="372">
        <v>
6717212</v>
      </c>
      <c r="AN58" s="373">
        <v>
19405</v>
      </c>
      <c r="AO58" s="374">
        <v>
10.7</v>
      </c>
      <c r="AP58" s="375">
        <v>
37281</v>
      </c>
      <c r="AQ58" s="376">
        <v>
14.4</v>
      </c>
      <c r="AR58" s="377">
        <v>
-3.7</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5" t="s">
        <v>
547</v>
      </c>
      <c r="AL59" s="356"/>
      <c r="AM59" s="364">
        <v>
10263123</v>
      </c>
      <c r="AN59" s="365">
        <v>
29453</v>
      </c>
      <c r="AO59" s="366">
        <v>
13.6</v>
      </c>
      <c r="AP59" s="367">
        <v>
51681</v>
      </c>
      <c r="AQ59" s="368">
        <v>
3.8</v>
      </c>
      <c r="AR59" s="369">
        <v>
9.8000000000000007</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0"/>
      <c r="AL60" s="371" t="s">
        <v>
543</v>
      </c>
      <c r="AM60" s="372">
        <v>
6879007</v>
      </c>
      <c r="AN60" s="373">
        <v>
19742</v>
      </c>
      <c r="AO60" s="374">
        <v>
1.7</v>
      </c>
      <c r="AP60" s="375">
        <v>
37226</v>
      </c>
      <c r="AQ60" s="376">
        <v>
-0.1</v>
      </c>
      <c r="AR60" s="377">
        <v>
1.8</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5" t="s">
        <v>
548</v>
      </c>
      <c r="AL61" s="378"/>
      <c r="AM61" s="379">
        <v>
10928656</v>
      </c>
      <c r="AN61" s="380">
        <v>
32046</v>
      </c>
      <c r="AO61" s="381">
        <v>
-3.8</v>
      </c>
      <c r="AP61" s="382">
        <v>
48700</v>
      </c>
      <c r="AQ61" s="383">
        <v>
2.4</v>
      </c>
      <c r="AR61" s="369">
        <v>
-6.2</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0"/>
      <c r="AL62" s="371" t="s">
        <v>
543</v>
      </c>
      <c r="AM62" s="372">
        <v>
6942899</v>
      </c>
      <c r="AN62" s="373">
        <v>
20321</v>
      </c>
      <c r="AO62" s="374">
        <v>
2.2999999999999998</v>
      </c>
      <c r="AP62" s="375">
        <v>
34561</v>
      </c>
      <c r="AQ62" s="376">
        <v>
3.3</v>
      </c>
      <c r="AR62" s="377">
        <v>
-1</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4"/>
      <c r="B66" s="351"/>
      <c r="C66" s="351"/>
      <c r="D66" s="351"/>
      <c r="E66" s="351"/>
      <c r="F66" s="351"/>
      <c r="G66" s="351"/>
      <c r="H66" s="351"/>
      <c r="I66" s="351"/>
      <c r="J66" s="351"/>
      <c r="K66" s="351"/>
      <c r="L66" s="351"/>
      <c r="M66" s="351"/>
      <c r="N66" s="351"/>
      <c r="O66" s="351"/>
      <c r="P66" s="351"/>
      <c r="Q66" s="351"/>
      <c r="R66" s="351"/>
      <c r="S66" s="351"/>
      <c r="T66" s="351"/>
      <c r="U66" s="351"/>
      <c r="V66" s="351"/>
      <c r="W66" s="351"/>
      <c r="X66" s="351"/>
      <c r="Y66" s="351"/>
      <c r="Z66" s="351"/>
      <c r="AA66" s="351"/>
      <c r="AB66" s="351"/>
      <c r="AC66" s="351"/>
      <c r="AD66" s="351"/>
      <c r="AE66" s="351"/>
      <c r="AF66" s="351"/>
      <c r="AG66" s="351"/>
      <c r="AH66" s="351"/>
      <c r="AI66" s="351"/>
      <c r="AJ66" s="351"/>
      <c r="AK66" s="351"/>
      <c r="AL66" s="351"/>
      <c r="AM66" s="351"/>
      <c r="AN66" s="351"/>
      <c r="AO66" s="351"/>
      <c r="AP66" s="351"/>
      <c r="AQ66" s="351"/>
      <c r="AR66" s="351"/>
      <c r="AS66" s="385"/>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row r="74" spans="1:46" ht="13.2" hidden="1" x14ac:dyDescent="0.2"/>
  </sheetData>
  <sheetProtection algorithmName="SHA-512" hashValue="eW/T0GH0MKzH+aNT60vqn1nTZ+Bs4hOss9SYV502092k3xvaKVWryBmtnOXwuawuXMFkXYIzBIWjEYB8CN/sXw==" saltValue="f1BMeIK3cbCws3DiNTKTo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headerFooter alignWithMargins="0">
    <oddFooter>
&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
550</v>
      </c>
    </row>
    <row r="121" spans="125:125" ht="13.5" hidden="1" customHeight="1" x14ac:dyDescent="0.2">
      <c r="DU121" s="291"/>
    </row>
  </sheetData>
  <sheetProtection algorithmName="SHA-512" hashValue="mqiStNADoMPqT2nX8u3qXw6QRD89p39JuyZJ1vG+jn3aj854uja0aJCSjg41K0724a/lIRVIcDjvipB6lzWdbQ==" saltValue="NyMgEvepMVoIpMU3l2rrEg=="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
550</v>
      </c>
    </row>
  </sheetData>
  <sheetProtection algorithmName="SHA-512" hashValue="/y/noTmxjbzv2HFpSP+ePtUnSKmzMC0KiRab/+TuOOPa4HKMjaxB0i2ZV5kyr3LaFF0IqYqorwKMVMPGe4DVrw==" saltValue="3PGpb7C9Kfnbag9G4TL6ig==" spinCount="100000" sheet="1" objects="1" scenarios="1"/>
  <dataConsolidate/>
  <phoneticPr fontId="2"/>
  <printOptions horizontalCentered="1" verticalCentered="1"/>
  <pageMargins left="0" right="0" top="0.19685039370078741" bottom="0" header="0.39370078740157483" footer="0"/>
  <headerFooter alignWithMargins="0">
    <oddFooter>
&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
0</v>
      </c>
    </row>
    <row r="46" spans="2:10" ht="29.25" customHeight="1" thickBot="1" x14ac:dyDescent="0.25">
      <c r="B46" s="4" t="s">
        <v>
1</v>
      </c>
      <c r="C46" s="5"/>
      <c r="D46" s="5"/>
      <c r="E46" s="6" t="s">
        <v>
2</v>
      </c>
      <c r="F46" s="7" t="s">
        <v>
551</v>
      </c>
      <c r="G46" s="8" t="s">
        <v>
552</v>
      </c>
      <c r="H46" s="8" t="s">
        <v>
553</v>
      </c>
      <c r="I46" s="8" t="s">
        <v>
554</v>
      </c>
      <c r="J46" s="9" t="s">
        <v>
555</v>
      </c>
    </row>
    <row r="47" spans="2:10" ht="57.75" customHeight="1" x14ac:dyDescent="0.2">
      <c r="B47" s="10"/>
      <c r="C47" s="1244" t="s">
        <v>
3</v>
      </c>
      <c r="D47" s="1244"/>
      <c r="E47" s="1245"/>
      <c r="F47" s="11">
        <v>
27.05</v>
      </c>
      <c r="G47" s="12">
        <v>
29.4</v>
      </c>
      <c r="H47" s="12">
        <v>
32.68</v>
      </c>
      <c r="I47" s="12">
        <v>
34.96</v>
      </c>
      <c r="J47" s="13">
        <v>
35.99</v>
      </c>
    </row>
    <row r="48" spans="2:10" ht="57.75" customHeight="1" x14ac:dyDescent="0.2">
      <c r="B48" s="14"/>
      <c r="C48" s="1246" t="s">
        <v>
4</v>
      </c>
      <c r="D48" s="1246"/>
      <c r="E48" s="1247"/>
      <c r="F48" s="15">
        <v>
5.07</v>
      </c>
      <c r="G48" s="16">
        <v>
4.09</v>
      </c>
      <c r="H48" s="16">
        <v>
6.48</v>
      </c>
      <c r="I48" s="16">
        <v>
4.49</v>
      </c>
      <c r="J48" s="17">
        <v>
3.77</v>
      </c>
    </row>
    <row r="49" spans="2:10" ht="57.75" customHeight="1" thickBot="1" x14ac:dyDescent="0.25">
      <c r="B49" s="18"/>
      <c r="C49" s="1248" t="s">
        <v>
5</v>
      </c>
      <c r="D49" s="1248"/>
      <c r="E49" s="1249"/>
      <c r="F49" s="19">
        <v>
3.21</v>
      </c>
      <c r="G49" s="20">
        <v>
2.0299999999999998</v>
      </c>
      <c r="H49" s="20">
        <v>
4.8099999999999996</v>
      </c>
      <c r="I49" s="20">
        <v>
1.81</v>
      </c>
      <c r="J49" s="21">
        <v>
2.0299999999999998</v>
      </c>
    </row>
    <row r="50" spans="2:10" ht="13.5" customHeight="1" x14ac:dyDescent="0.2"/>
  </sheetData>
  <sheetProtection algorithmName="SHA-512" hashValue="Zb6yaWxW1ER6J7FgA3VgOb4SUU0dgjebFx+ajs/5eD4itN7J0LvFOv1qG9QaxhtL9HIxHxgsmTj2KYndJdZcoA==" saltValue="/9hvKkkPSlsHwTNQ00dC4w=="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
&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1-09-24T03:00:14Z</cp:lastPrinted>
  <dcterms:created xsi:type="dcterms:W3CDTF">2021-02-05T01:57:48Z</dcterms:created>
  <dcterms:modified xsi:type="dcterms:W3CDTF">2021-10-26T06:33:20Z</dcterms:modified>
  <cp:category/>
</cp:coreProperties>
</file>